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0505\05_野生生物グループ\02_鳥獣総合対策\08_鳥獣対策協議会\03_鳥獣総合対策協議会専門部会\03_外来生物等\第2回\05_当日資料\07_クリハラリス防除実施計画（原稿）\"/>
    </mc:Choice>
  </mc:AlternateContent>
  <bookViews>
    <workbookView xWindow="240" yWindow="675" windowWidth="14940" windowHeight="8550"/>
  </bookViews>
  <sheets>
    <sheet name="様式4" sheetId="14" r:id="rId1"/>
  </sheets>
  <definedNames>
    <definedName name="_xlnm._FilterDatabase" localSheetId="0" hidden="1">様式4!$M$6:$M$226</definedName>
    <definedName name="_xlnm.Print_Area" localSheetId="0">様式4!$A$1:$R$38</definedName>
  </definedNames>
  <calcPr calcId="125725"/>
</workbook>
</file>

<file path=xl/sharedStrings.xml><?xml version="1.0" encoding="utf-8"?>
<sst xmlns="http://schemas.openxmlformats.org/spreadsheetml/2006/main" count="89" uniqueCount="65">
  <si>
    <t>体重（ｋｇ）</t>
    <rPh sb="0" eb="2">
      <t>タイジュウ</t>
    </rPh>
    <phoneticPr fontId="3"/>
  </si>
  <si>
    <t>横浜市港南区</t>
    <phoneticPr fontId="3"/>
  </si>
  <si>
    <t>下永谷〇〇</t>
    <phoneticPr fontId="3"/>
  </si>
  <si>
    <t>オス</t>
    <phoneticPr fontId="3"/>
  </si>
  <si>
    <t>性別</t>
    <rPh sb="0" eb="2">
      <t>セイベツ</t>
    </rPh>
    <phoneticPr fontId="3"/>
  </si>
  <si>
    <t>捕獲場所</t>
    <rPh sb="0" eb="2">
      <t>ホカク</t>
    </rPh>
    <rPh sb="2" eb="4">
      <t>バショ</t>
    </rPh>
    <phoneticPr fontId="4"/>
  </si>
  <si>
    <t>設置日</t>
    <rPh sb="0" eb="3">
      <t>セッチビ</t>
    </rPh>
    <phoneticPr fontId="4"/>
  </si>
  <si>
    <t>解除日</t>
    <rPh sb="0" eb="2">
      <t>カイジョ</t>
    </rPh>
    <rPh sb="2" eb="3">
      <t>ビ</t>
    </rPh>
    <phoneticPr fontId="4"/>
  </si>
  <si>
    <t>捕獲数</t>
    <rPh sb="0" eb="2">
      <t>ホカク</t>
    </rPh>
    <rPh sb="2" eb="3">
      <t>スウ</t>
    </rPh>
    <phoneticPr fontId="4"/>
  </si>
  <si>
    <t>捕獲日</t>
    <rPh sb="0" eb="2">
      <t>ホカク</t>
    </rPh>
    <rPh sb="2" eb="3">
      <t>ビ</t>
    </rPh>
    <phoneticPr fontId="4"/>
  </si>
  <si>
    <t>餌</t>
    <rPh sb="0" eb="1">
      <t>エサ</t>
    </rPh>
    <phoneticPr fontId="4"/>
  </si>
  <si>
    <t>錯誤捕獲日</t>
    <rPh sb="0" eb="2">
      <t>サクゴ</t>
    </rPh>
    <rPh sb="2" eb="4">
      <t>ホカク</t>
    </rPh>
    <rPh sb="4" eb="5">
      <t>ビ</t>
    </rPh>
    <phoneticPr fontId="4"/>
  </si>
  <si>
    <t>錯誤捕獲動物</t>
    <rPh sb="0" eb="2">
      <t>サクゴ</t>
    </rPh>
    <rPh sb="2" eb="4">
      <t>ホカク</t>
    </rPh>
    <rPh sb="4" eb="6">
      <t>ドウブツ</t>
    </rPh>
    <phoneticPr fontId="4"/>
  </si>
  <si>
    <t>捕獲方法</t>
    <rPh sb="0" eb="2">
      <t>ホカク</t>
    </rPh>
    <rPh sb="2" eb="4">
      <t>ホウホウ</t>
    </rPh>
    <phoneticPr fontId="3"/>
  </si>
  <si>
    <t>住所</t>
    <rPh sb="0" eb="2">
      <t>ジュウショ</t>
    </rPh>
    <phoneticPr fontId="3"/>
  </si>
  <si>
    <t>3次メッシュコード</t>
    <rPh sb="1" eb="2">
      <t>ジ</t>
    </rPh>
    <phoneticPr fontId="3"/>
  </si>
  <si>
    <t>市・区</t>
    <rPh sb="0" eb="1">
      <t>シ</t>
    </rPh>
    <rPh sb="2" eb="3">
      <t>ク</t>
    </rPh>
    <phoneticPr fontId="3"/>
  </si>
  <si>
    <t>捕獲の詳細</t>
    <rPh sb="0" eb="2">
      <t>ホカク</t>
    </rPh>
    <rPh sb="3" eb="5">
      <t>ショウサイ</t>
    </rPh>
    <phoneticPr fontId="3"/>
  </si>
  <si>
    <t>錯誤捕獲の状況</t>
    <rPh sb="0" eb="2">
      <t>サクゴ</t>
    </rPh>
    <rPh sb="2" eb="4">
      <t>ホカク</t>
    </rPh>
    <rPh sb="5" eb="7">
      <t>ジョウキョウ</t>
    </rPh>
    <phoneticPr fontId="3"/>
  </si>
  <si>
    <t>その他特記事項</t>
    <rPh sb="2" eb="3">
      <t>タ</t>
    </rPh>
    <rPh sb="3" eb="5">
      <t>トッキ</t>
    </rPh>
    <rPh sb="5" eb="7">
      <t>ジコウ</t>
    </rPh>
    <phoneticPr fontId="3"/>
  </si>
  <si>
    <t>捕獲実施状況</t>
    <rPh sb="0" eb="2">
      <t>ホカク</t>
    </rPh>
    <rPh sb="2" eb="4">
      <t>ジッシ</t>
    </rPh>
    <rPh sb="4" eb="6">
      <t>ジョウキョウ</t>
    </rPh>
    <phoneticPr fontId="4"/>
  </si>
  <si>
    <t>備考</t>
    <rPh sb="0" eb="2">
      <t>ビコウ</t>
    </rPh>
    <phoneticPr fontId="3"/>
  </si>
  <si>
    <t>町丁目（番地等）</t>
    <rPh sb="0" eb="1">
      <t>チョウ</t>
    </rPh>
    <rPh sb="1" eb="2">
      <t>チョウ</t>
    </rPh>
    <rPh sb="2" eb="3">
      <t>メ</t>
    </rPh>
    <rPh sb="4" eb="6">
      <t>バンチ</t>
    </rPh>
    <rPh sb="6" eb="7">
      <t>トウ</t>
    </rPh>
    <phoneticPr fontId="3"/>
  </si>
  <si>
    <t>横浜市保土ヶ谷区</t>
    <rPh sb="0" eb="3">
      <t>ヨコハマシ</t>
    </rPh>
    <rPh sb="3" eb="8">
      <t>ホドガヤク</t>
    </rPh>
    <phoneticPr fontId="3"/>
  </si>
  <si>
    <t>ID</t>
    <phoneticPr fontId="3"/>
  </si>
  <si>
    <t>はこわな</t>
    <phoneticPr fontId="3"/>
  </si>
  <si>
    <t>桜ヶ丘○×</t>
    <rPh sb="0" eb="3">
      <t>サクラガオカ</t>
    </rPh>
    <phoneticPr fontId="3"/>
  </si>
  <si>
    <t>朝比奈□△</t>
    <rPh sb="0" eb="3">
      <t>アサヒナ</t>
    </rPh>
    <phoneticPr fontId="3"/>
  </si>
  <si>
    <t>朝比奈×○</t>
    <rPh sb="0" eb="3">
      <t>アサヒナ</t>
    </rPh>
    <phoneticPr fontId="3"/>
  </si>
  <si>
    <t>横浜市磯子区</t>
    <rPh sb="0" eb="3">
      <t>ヨコハマシ</t>
    </rPh>
    <rPh sb="3" eb="6">
      <t>イソゴク</t>
    </rPh>
    <phoneticPr fontId="3"/>
  </si>
  <si>
    <t>氷取沢</t>
    <rPh sb="0" eb="1">
      <t>コオリ</t>
    </rPh>
    <rPh sb="1" eb="2">
      <t>トリ</t>
    </rPh>
    <rPh sb="2" eb="3">
      <t>サワ</t>
    </rPh>
    <phoneticPr fontId="3"/>
  </si>
  <si>
    <t>川島町×△</t>
    <rPh sb="0" eb="3">
      <t>カワシマチョウ</t>
    </rPh>
    <phoneticPr fontId="3"/>
  </si>
  <si>
    <t>公田町△ー□</t>
    <rPh sb="0" eb="1">
      <t>コウ</t>
    </rPh>
    <rPh sb="1" eb="2">
      <t>タ</t>
    </rPh>
    <rPh sb="2" eb="3">
      <t>チョウ</t>
    </rPh>
    <phoneticPr fontId="3"/>
  </si>
  <si>
    <t>５　捕獲の詳細の性別、体重、餌はできる限り記載してください。</t>
    <rPh sb="19" eb="20">
      <t>カギ</t>
    </rPh>
    <phoneticPr fontId="3"/>
  </si>
  <si>
    <t>３　住所は記載が可能な場合は番地まで。不可の場合は３次メッシュコードを記入してください。</t>
    <phoneticPr fontId="3"/>
  </si>
  <si>
    <t>　　捕獲場所：住宅内＝１　　住宅敷地内＝２　　農地＝３　　緑地＝４　　その他＝５</t>
    <phoneticPr fontId="3"/>
  </si>
  <si>
    <t>市町村名：</t>
    <rPh sb="0" eb="3">
      <t>シチョウソン</t>
    </rPh>
    <rPh sb="3" eb="4">
      <t>メイ</t>
    </rPh>
    <phoneticPr fontId="3"/>
  </si>
  <si>
    <t>わな番号</t>
    <rPh sb="2" eb="4">
      <t>バンゴウ</t>
    </rPh>
    <phoneticPr fontId="3"/>
  </si>
  <si>
    <t>１　記録は記入例を確認しながらわな別に１行ずつ記入してください。同一のわなで複数個体が捕獲された場合は、捕獲された各個体について記載してください。　　　　　　　　　　　　</t>
    <rPh sb="2" eb="4">
      <t>キロク</t>
    </rPh>
    <rPh sb="5" eb="7">
      <t>キニュウ</t>
    </rPh>
    <rPh sb="7" eb="8">
      <t>レイ</t>
    </rPh>
    <rPh sb="9" eb="11">
      <t>カクニン</t>
    </rPh>
    <rPh sb="32" eb="34">
      <t>ドウイツ</t>
    </rPh>
    <rPh sb="38" eb="40">
      <t>フクスウ</t>
    </rPh>
    <rPh sb="40" eb="42">
      <t>コタイ</t>
    </rPh>
    <rPh sb="43" eb="45">
      <t>ホカク</t>
    </rPh>
    <rPh sb="48" eb="50">
      <t>バアイ</t>
    </rPh>
    <rPh sb="52" eb="54">
      <t>ホカク</t>
    </rPh>
    <rPh sb="57" eb="58">
      <t>カク</t>
    </rPh>
    <rPh sb="58" eb="60">
      <t>コタイ</t>
    </rPh>
    <rPh sb="64" eb="66">
      <t>キサイ</t>
    </rPh>
    <phoneticPr fontId="3"/>
  </si>
  <si>
    <t>２　わな番号は、分かる範囲でなるべく記載してください。記載がない場合は、努力量算出等で記録の補正があることをご了承ください。</t>
    <rPh sb="4" eb="6">
      <t>バンゴウ</t>
    </rPh>
    <phoneticPr fontId="3"/>
  </si>
  <si>
    <t>(様式４)</t>
    <rPh sb="1" eb="3">
      <t>ヨウシキ</t>
    </rPh>
    <phoneticPr fontId="3"/>
  </si>
  <si>
    <t>横浜市港南区</t>
    <phoneticPr fontId="3"/>
  </si>
  <si>
    <t>下永谷〇〇</t>
    <phoneticPr fontId="3"/>
  </si>
  <si>
    <t>はこわな</t>
    <phoneticPr fontId="3"/>
  </si>
  <si>
    <t>メス</t>
    <phoneticPr fontId="3"/>
  </si>
  <si>
    <t>横浜市栄区</t>
    <phoneticPr fontId="3"/>
  </si>
  <si>
    <t>鍛冶ヶ谷◇ー△</t>
    <phoneticPr fontId="3"/>
  </si>
  <si>
    <t>はこわな</t>
    <phoneticPr fontId="3"/>
  </si>
  <si>
    <t>メス</t>
    <phoneticPr fontId="3"/>
  </si>
  <si>
    <t>横浜市栄区</t>
    <phoneticPr fontId="3"/>
  </si>
  <si>
    <t>鍛冶ヶ谷◇ー△</t>
    <phoneticPr fontId="3"/>
  </si>
  <si>
    <t>オス</t>
    <phoneticPr fontId="3"/>
  </si>
  <si>
    <t>－</t>
    <phoneticPr fontId="3"/>
  </si>
  <si>
    <t>横浜市金沢区</t>
    <phoneticPr fontId="3"/>
  </si>
  <si>
    <t>はこわな</t>
    <phoneticPr fontId="3"/>
  </si>
  <si>
    <t>はこわな</t>
    <phoneticPr fontId="3"/>
  </si>
  <si>
    <t>横浜市栄区</t>
    <phoneticPr fontId="3"/>
  </si>
  <si>
    <t>６　捕獲個体の譲渡（生体）があった場合は、特記事項に記入してください。</t>
    <rPh sb="2" eb="4">
      <t>ホカク</t>
    </rPh>
    <rPh sb="4" eb="6">
      <t>コタイ</t>
    </rPh>
    <rPh sb="7" eb="9">
      <t>ジョウト</t>
    </rPh>
    <rPh sb="10" eb="12">
      <t>セイタイ</t>
    </rPh>
    <rPh sb="17" eb="19">
      <t>バアイ</t>
    </rPh>
    <rPh sb="21" eb="23">
      <t>トッキ</t>
    </rPh>
    <rPh sb="23" eb="25">
      <t>ジコウ</t>
    </rPh>
    <rPh sb="26" eb="28">
      <t>キニュウ</t>
    </rPh>
    <phoneticPr fontId="3"/>
  </si>
  <si>
    <t>７　記入欄が足りない場合はこの面を複写して使用してください。</t>
    <phoneticPr fontId="3"/>
  </si>
  <si>
    <t>８　わなは同じ場所に長期間設置せず、定期的に設置場所を変えるなど捕獲効率が上がるよう工夫してください。</t>
    <rPh sb="5" eb="6">
      <t>オナ</t>
    </rPh>
    <rPh sb="7" eb="9">
      <t>バショ</t>
    </rPh>
    <rPh sb="10" eb="13">
      <t>チョウキカン</t>
    </rPh>
    <rPh sb="13" eb="15">
      <t>セッチ</t>
    </rPh>
    <rPh sb="18" eb="21">
      <t>テイキテキ</t>
    </rPh>
    <rPh sb="22" eb="24">
      <t>セッチ</t>
    </rPh>
    <rPh sb="24" eb="26">
      <t>バショ</t>
    </rPh>
    <rPh sb="27" eb="28">
      <t>カ</t>
    </rPh>
    <rPh sb="32" eb="34">
      <t>ホカク</t>
    </rPh>
    <rPh sb="34" eb="36">
      <t>コウリツ</t>
    </rPh>
    <rPh sb="37" eb="38">
      <t>ア</t>
    </rPh>
    <rPh sb="42" eb="44">
      <t>クフウ</t>
    </rPh>
    <phoneticPr fontId="3"/>
  </si>
  <si>
    <t>落花生</t>
    <rPh sb="0" eb="3">
      <t>ラッカセイ</t>
    </rPh>
    <phoneticPr fontId="3"/>
  </si>
  <si>
    <t>栗</t>
    <rPh sb="0" eb="1">
      <t>クリ</t>
    </rPh>
    <phoneticPr fontId="3"/>
  </si>
  <si>
    <t>シジュウカラ</t>
    <phoneticPr fontId="3"/>
  </si>
  <si>
    <t>４　捕獲実施状況の捕獲場所は次のコードを記入してください。</t>
    <phoneticPr fontId="3"/>
  </si>
  <si>
    <r>
      <t>神奈川県クリハラリス（タイワンリス）防除実施計画に基づく捕獲実施記録（市町村報告用）（令和　　年度）　</t>
    </r>
    <r>
      <rPr>
        <sz val="11"/>
        <color indexed="10"/>
        <rFont val="ＭＳ Ｐゴシック"/>
        <family val="3"/>
        <charset val="128"/>
      </rPr>
      <t>－記載例入－</t>
    </r>
    <rPh sb="0" eb="4">
      <t>カナガワケン</t>
    </rPh>
    <rPh sb="18" eb="20">
      <t>ボウジョ</t>
    </rPh>
    <rPh sb="20" eb="22">
      <t>ジッシ</t>
    </rPh>
    <rPh sb="22" eb="24">
      <t>ケイカク</t>
    </rPh>
    <rPh sb="25" eb="26">
      <t>モト</t>
    </rPh>
    <rPh sb="28" eb="30">
      <t>ホカク</t>
    </rPh>
    <rPh sb="30" eb="32">
      <t>ジッシ</t>
    </rPh>
    <rPh sb="32" eb="34">
      <t>キロク</t>
    </rPh>
    <rPh sb="35" eb="38">
      <t>シチョウソン</t>
    </rPh>
    <rPh sb="38" eb="41">
      <t>ホウコクヨウ</t>
    </rPh>
    <rPh sb="43" eb="45">
      <t>レイワ</t>
    </rPh>
    <rPh sb="52" eb="54">
      <t>キサイ</t>
    </rPh>
    <rPh sb="54" eb="55">
      <t>レイ</t>
    </rPh>
    <rPh sb="55" eb="56">
      <t>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_ "/>
    <numFmt numFmtId="177" formatCode="0.0_);[Red]\(0.0\)"/>
    <numFmt numFmtId="178" formatCode="[$-411]ggge&quot;年&quot;m&quot;月&quot;d&quot;日&quot;;@"/>
    <numFmt numFmtId="179" formatCode="yyyy/m/d;@"/>
  </numFmts>
  <fonts count="14" x14ac:knownFonts="1">
    <font>
      <sz val="11"/>
      <name val="ＭＳ Ｐゴシック"/>
      <family val="3"/>
      <charset val="128"/>
    </font>
    <font>
      <sz val="11"/>
      <name val="ＭＳ Ｐゴシック"/>
      <family val="3"/>
      <charset val="128"/>
    </font>
    <font>
      <sz val="11"/>
      <name val="ＭＳ Ｐゴシック"/>
      <family val="3"/>
      <charset val="128"/>
    </font>
    <font>
      <sz val="6"/>
      <name val="ＭＳ Ｐゴシック"/>
      <family val="3"/>
      <charset val="128"/>
    </font>
    <font>
      <sz val="6"/>
      <name val="ＭＳ 明朝"/>
      <family val="1"/>
      <charset val="128"/>
    </font>
    <font>
      <sz val="8"/>
      <name val="ＭＳ Ｐゴシック"/>
      <family val="3"/>
      <charset val="128"/>
    </font>
    <font>
      <sz val="8"/>
      <name val="ＭＳ 明朝"/>
      <family val="1"/>
      <charset val="128"/>
    </font>
    <font>
      <sz val="8"/>
      <name val="ＭＳ ゴシック"/>
      <family val="3"/>
      <charset val="128"/>
    </font>
    <font>
      <sz val="12"/>
      <name val="ＭＳ Ｐゴシック"/>
      <family val="3"/>
      <charset val="128"/>
    </font>
    <font>
      <sz val="9"/>
      <name val="ＭＳ ゴシック"/>
      <family val="3"/>
      <charset val="128"/>
    </font>
    <font>
      <b/>
      <sz val="8"/>
      <name val="ＭＳ Ｐゴシック"/>
      <family val="3"/>
      <charset val="128"/>
    </font>
    <font>
      <sz val="10"/>
      <name val="ＭＳ Ｐゴシック"/>
      <family val="3"/>
      <charset val="128"/>
    </font>
    <font>
      <b/>
      <sz val="11"/>
      <name val="ＭＳ Ｐゴシック"/>
      <family val="3"/>
      <charset val="128"/>
    </font>
    <font>
      <sz val="11"/>
      <color indexed="10"/>
      <name val="ＭＳ Ｐゴシック"/>
      <family val="3"/>
      <charset val="128"/>
    </font>
  </fonts>
  <fills count="3">
    <fill>
      <patternFill patternType="none"/>
    </fill>
    <fill>
      <patternFill patternType="gray125"/>
    </fill>
    <fill>
      <patternFill patternType="solid">
        <fgColor theme="0"/>
        <bgColor indexed="64"/>
      </patternFill>
    </fill>
  </fills>
  <borders count="20">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3">
    <xf numFmtId="0" fontId="0" fillId="0" borderId="0"/>
    <xf numFmtId="0" fontId="1" fillId="0" borderId="0">
      <alignment vertical="center"/>
    </xf>
    <xf numFmtId="0" fontId="1" fillId="0" borderId="0"/>
  </cellStyleXfs>
  <cellXfs count="87">
    <xf numFmtId="0" fontId="0" fillId="0" borderId="0" xfId="0"/>
    <xf numFmtId="0" fontId="5" fillId="0" borderId="0" xfId="1" applyFont="1" applyBorder="1" applyAlignment="1">
      <alignment horizontal="center" vertical="center" shrinkToFit="1"/>
    </xf>
    <xf numFmtId="0" fontId="5" fillId="0" borderId="0" xfId="1" applyFont="1" applyFill="1" applyBorder="1" applyAlignment="1">
      <alignment horizontal="center" vertical="center" wrapText="1"/>
    </xf>
    <xf numFmtId="178" fontId="5" fillId="0" borderId="0" xfId="1" applyNumberFormat="1" applyFont="1" applyBorder="1" applyAlignment="1">
      <alignment horizontal="center" vertical="center" shrinkToFit="1"/>
    </xf>
    <xf numFmtId="14" fontId="5" fillId="0" borderId="0" xfId="1" applyNumberFormat="1" applyFont="1" applyBorder="1" applyAlignment="1">
      <alignment horizontal="center" vertical="center" shrinkToFit="1"/>
    </xf>
    <xf numFmtId="176" fontId="5" fillId="0" borderId="0" xfId="1" applyNumberFormat="1" applyFont="1" applyBorder="1" applyAlignment="1">
      <alignment horizontal="center" vertical="center" shrinkToFit="1"/>
    </xf>
    <xf numFmtId="177" fontId="5" fillId="0" borderId="0" xfId="1" applyNumberFormat="1" applyFont="1" applyBorder="1" applyAlignment="1">
      <alignment horizontal="center" vertical="center" shrinkToFit="1"/>
    </xf>
    <xf numFmtId="0" fontId="5" fillId="0" borderId="0" xfId="1" applyFont="1" applyFill="1" applyBorder="1" applyAlignment="1">
      <alignment horizontal="center" vertical="center" shrinkToFit="1"/>
    </xf>
    <xf numFmtId="178" fontId="5" fillId="0" borderId="0" xfId="1" applyNumberFormat="1" applyFont="1" applyFill="1" applyBorder="1" applyAlignment="1">
      <alignment horizontal="center" vertical="center" shrinkToFit="1"/>
    </xf>
    <xf numFmtId="177" fontId="5" fillId="0" borderId="0" xfId="1" applyNumberFormat="1" applyFont="1" applyFill="1" applyBorder="1" applyAlignment="1">
      <alignment horizontal="center" vertical="center" shrinkToFit="1"/>
    </xf>
    <xf numFmtId="14" fontId="5" fillId="0" borderId="0" xfId="1" applyNumberFormat="1" applyFont="1" applyFill="1" applyBorder="1" applyAlignment="1">
      <alignment horizontal="center" vertical="center" shrinkToFit="1"/>
    </xf>
    <xf numFmtId="0" fontId="7" fillId="0" borderId="0" xfId="1" applyFont="1" applyBorder="1" applyAlignment="1">
      <alignment horizontal="center" vertical="center" shrinkToFit="1"/>
    </xf>
    <xf numFmtId="178" fontId="7" fillId="0" borderId="0" xfId="1" applyNumberFormat="1" applyFont="1" applyBorder="1" applyAlignment="1">
      <alignment horizontal="center" vertical="center" shrinkToFit="1"/>
    </xf>
    <xf numFmtId="0" fontId="11" fillId="0" borderId="0" xfId="1" applyFont="1" applyBorder="1" applyAlignment="1">
      <alignment horizontal="center" vertical="center" shrinkToFit="1"/>
    </xf>
    <xf numFmtId="0" fontId="8" fillId="2" borderId="0" xfId="1" applyFont="1" applyFill="1" applyBorder="1" applyAlignment="1">
      <alignment horizontal="left" vertical="center"/>
    </xf>
    <xf numFmtId="0" fontId="5" fillId="2" borderId="0" xfId="1" applyFont="1" applyFill="1" applyBorder="1" applyAlignment="1">
      <alignment horizontal="center" vertical="center" shrinkToFit="1"/>
    </xf>
    <xf numFmtId="178" fontId="5" fillId="2" borderId="0" xfId="1" applyNumberFormat="1" applyFont="1" applyFill="1" applyBorder="1" applyAlignment="1">
      <alignment horizontal="center" vertical="center" shrinkToFit="1"/>
    </xf>
    <xf numFmtId="14" fontId="5" fillId="2" borderId="0" xfId="1" applyNumberFormat="1" applyFont="1" applyFill="1" applyBorder="1" applyAlignment="1">
      <alignment horizontal="center" vertical="center" shrinkToFit="1"/>
    </xf>
    <xf numFmtId="0" fontId="5" fillId="2" borderId="1" xfId="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178" fontId="5" fillId="2" borderId="1" xfId="1" applyNumberFormat="1" applyFont="1" applyFill="1" applyBorder="1" applyAlignment="1">
      <alignment horizontal="center" vertical="center" wrapText="1"/>
    </xf>
    <xf numFmtId="14" fontId="5" fillId="2" borderId="1" xfId="1" applyNumberFormat="1" applyFont="1" applyFill="1" applyBorder="1" applyAlignment="1">
      <alignment horizontal="center" vertical="center" wrapText="1"/>
    </xf>
    <xf numFmtId="0" fontId="11" fillId="2" borderId="2" xfId="1" applyFont="1" applyFill="1" applyBorder="1" applyAlignment="1">
      <alignment horizontal="center" vertical="center" shrinkToFit="1"/>
    </xf>
    <xf numFmtId="0" fontId="11" fillId="2" borderId="3" xfId="1" applyFont="1" applyFill="1" applyBorder="1" applyAlignment="1">
      <alignment horizontal="center" vertical="center" shrinkToFit="1"/>
    </xf>
    <xf numFmtId="0" fontId="11" fillId="2" borderId="4" xfId="1" applyFont="1" applyFill="1" applyBorder="1" applyAlignment="1">
      <alignment horizontal="center" vertical="center" shrinkToFit="1"/>
    </xf>
    <xf numFmtId="0" fontId="11" fillId="2" borderId="5" xfId="1" applyFont="1" applyFill="1" applyBorder="1" applyAlignment="1">
      <alignment horizontal="center" vertical="center" shrinkToFit="1"/>
    </xf>
    <xf numFmtId="179" fontId="11" fillId="2" borderId="4" xfId="1" applyNumberFormat="1" applyFont="1" applyFill="1" applyBorder="1" applyAlignment="1">
      <alignment horizontal="center" vertical="center" shrinkToFit="1"/>
    </xf>
    <xf numFmtId="179" fontId="11" fillId="2" borderId="5" xfId="1" applyNumberFormat="1" applyFont="1" applyFill="1" applyBorder="1" applyAlignment="1">
      <alignment horizontal="center" vertical="center" shrinkToFit="1"/>
    </xf>
    <xf numFmtId="14" fontId="11" fillId="2" borderId="3" xfId="1" applyNumberFormat="1" applyFont="1" applyFill="1" applyBorder="1" applyAlignment="1">
      <alignment horizontal="center" vertical="center" shrinkToFit="1"/>
    </xf>
    <xf numFmtId="0" fontId="11" fillId="2" borderId="6" xfId="1" applyFont="1" applyFill="1" applyBorder="1" applyAlignment="1">
      <alignment horizontal="center" vertical="center" shrinkToFit="1"/>
    </xf>
    <xf numFmtId="0" fontId="11" fillId="2" borderId="7" xfId="1" applyFont="1" applyFill="1" applyBorder="1" applyAlignment="1">
      <alignment horizontal="center" vertical="center" shrinkToFit="1"/>
    </xf>
    <xf numFmtId="0" fontId="11" fillId="2" borderId="8" xfId="1" applyFont="1" applyFill="1" applyBorder="1" applyAlignment="1">
      <alignment horizontal="center" vertical="center" shrinkToFit="1"/>
    </xf>
    <xf numFmtId="0" fontId="11" fillId="2" borderId="9" xfId="1" applyFont="1" applyFill="1" applyBorder="1" applyAlignment="1">
      <alignment horizontal="center" vertical="center" shrinkToFit="1"/>
    </xf>
    <xf numFmtId="0" fontId="11" fillId="2" borderId="10" xfId="1" applyFont="1" applyFill="1" applyBorder="1" applyAlignment="1">
      <alignment horizontal="center" vertical="center" shrinkToFit="1"/>
    </xf>
    <xf numFmtId="179" fontId="11" fillId="2" borderId="9" xfId="1" applyNumberFormat="1" applyFont="1" applyFill="1" applyBorder="1" applyAlignment="1">
      <alignment horizontal="center" vertical="center" shrinkToFit="1"/>
    </xf>
    <xf numFmtId="179" fontId="11" fillId="2" borderId="10" xfId="1" applyNumberFormat="1" applyFont="1" applyFill="1" applyBorder="1" applyAlignment="1">
      <alignment horizontal="center" vertical="center" shrinkToFit="1"/>
    </xf>
    <xf numFmtId="14" fontId="11" fillId="2" borderId="8" xfId="1" applyNumberFormat="1" applyFont="1" applyFill="1" applyBorder="1" applyAlignment="1">
      <alignment horizontal="center" vertical="center" shrinkToFit="1"/>
    </xf>
    <xf numFmtId="0" fontId="11" fillId="2" borderId="11" xfId="1" applyFont="1" applyFill="1" applyBorder="1" applyAlignment="1">
      <alignment horizontal="center" vertical="center" shrinkToFit="1"/>
    </xf>
    <xf numFmtId="179" fontId="11" fillId="2" borderId="8" xfId="1" applyNumberFormat="1" applyFont="1" applyFill="1" applyBorder="1" applyAlignment="1">
      <alignment horizontal="center" vertical="center" shrinkToFit="1"/>
    </xf>
    <xf numFmtId="14" fontId="11" fillId="2" borderId="9" xfId="1" applyNumberFormat="1" applyFont="1" applyFill="1" applyBorder="1" applyAlignment="1">
      <alignment horizontal="center" vertical="center" shrinkToFit="1"/>
    </xf>
    <xf numFmtId="14" fontId="11" fillId="2" borderId="10" xfId="1" applyNumberFormat="1" applyFont="1" applyFill="1" applyBorder="1" applyAlignment="1">
      <alignment horizontal="center" vertical="center" shrinkToFit="1"/>
    </xf>
    <xf numFmtId="0" fontId="11" fillId="2" borderId="9" xfId="2" applyFont="1" applyFill="1" applyBorder="1" applyAlignment="1">
      <alignment horizontal="center" vertical="center"/>
    </xf>
    <xf numFmtId="0" fontId="11" fillId="2" borderId="11" xfId="1" applyFont="1" applyFill="1" applyBorder="1" applyAlignment="1">
      <alignment vertical="center" wrapText="1"/>
    </xf>
    <xf numFmtId="178" fontId="11" fillId="2" borderId="9" xfId="1" applyNumberFormat="1" applyFont="1" applyFill="1" applyBorder="1" applyAlignment="1">
      <alignment horizontal="center" vertical="center" shrinkToFit="1"/>
    </xf>
    <xf numFmtId="0" fontId="11" fillId="2" borderId="10" xfId="1" applyFont="1" applyFill="1" applyBorder="1" applyAlignment="1">
      <alignment horizontal="left" vertical="center" shrinkToFit="1"/>
    </xf>
    <xf numFmtId="0" fontId="11" fillId="2" borderId="9" xfId="1" applyFont="1" applyFill="1" applyBorder="1" applyAlignment="1">
      <alignment horizontal="left" vertical="center" shrinkToFit="1"/>
    </xf>
    <xf numFmtId="0" fontId="11" fillId="2" borderId="8" xfId="1" applyFont="1" applyFill="1" applyBorder="1" applyAlignment="1">
      <alignment horizontal="left" vertical="center" shrinkToFit="1"/>
    </xf>
    <xf numFmtId="0" fontId="11" fillId="2" borderId="11" xfId="1" applyFont="1" applyFill="1" applyBorder="1" applyAlignment="1">
      <alignment horizontal="left" vertical="center" shrinkToFit="1"/>
    </xf>
    <xf numFmtId="0" fontId="5" fillId="2" borderId="7" xfId="1" applyFont="1" applyFill="1" applyBorder="1" applyAlignment="1">
      <alignment horizontal="center" vertical="center" shrinkToFit="1"/>
    </xf>
    <xf numFmtId="0" fontId="10" fillId="2" borderId="7" xfId="1" applyFont="1" applyFill="1" applyBorder="1" applyAlignment="1">
      <alignment horizontal="center" vertical="center" shrinkToFit="1"/>
    </xf>
    <xf numFmtId="0" fontId="5" fillId="2" borderId="9" xfId="1" applyFont="1" applyFill="1" applyBorder="1" applyAlignment="1">
      <alignment horizontal="center" vertical="center" shrinkToFit="1"/>
    </xf>
    <xf numFmtId="0" fontId="5" fillId="2" borderId="10" xfId="1" applyFont="1" applyFill="1" applyBorder="1" applyAlignment="1">
      <alignment horizontal="center" vertical="center" shrinkToFit="1"/>
    </xf>
    <xf numFmtId="178" fontId="5" fillId="2" borderId="9" xfId="1" applyNumberFormat="1" applyFont="1" applyFill="1" applyBorder="1" applyAlignment="1">
      <alignment horizontal="center" vertical="center" shrinkToFit="1"/>
    </xf>
    <xf numFmtId="178" fontId="5" fillId="2" borderId="10" xfId="1" applyNumberFormat="1" applyFont="1" applyFill="1" applyBorder="1" applyAlignment="1">
      <alignment horizontal="center" vertical="center" shrinkToFit="1"/>
    </xf>
    <xf numFmtId="14" fontId="5" fillId="2" borderId="8" xfId="1" applyNumberFormat="1" applyFont="1" applyFill="1" applyBorder="1" applyAlignment="1">
      <alignment horizontal="center" vertical="center" shrinkToFit="1"/>
    </xf>
    <xf numFmtId="0" fontId="5" fillId="2" borderId="11" xfId="1" applyFont="1" applyFill="1" applyBorder="1" applyAlignment="1">
      <alignment horizontal="center" vertical="center" shrinkToFit="1"/>
    </xf>
    <xf numFmtId="0" fontId="5" fillId="2" borderId="12" xfId="1" applyFont="1" applyFill="1" applyBorder="1" applyAlignment="1">
      <alignment horizontal="center" vertical="center" shrinkToFit="1"/>
    </xf>
    <xf numFmtId="0" fontId="5" fillId="2" borderId="14" xfId="1" applyFont="1" applyFill="1" applyBorder="1" applyAlignment="1">
      <alignment horizontal="center" vertical="center" shrinkToFit="1"/>
    </xf>
    <xf numFmtId="0" fontId="5" fillId="2" borderId="15" xfId="1" applyFont="1" applyFill="1" applyBorder="1" applyAlignment="1">
      <alignment horizontal="center" vertical="center" shrinkToFit="1"/>
    </xf>
    <xf numFmtId="178" fontId="5" fillId="2" borderId="14" xfId="1" applyNumberFormat="1" applyFont="1" applyFill="1" applyBorder="1" applyAlignment="1">
      <alignment horizontal="center" vertical="center" shrinkToFit="1"/>
    </xf>
    <xf numFmtId="178" fontId="5" fillId="2" borderId="15" xfId="1" applyNumberFormat="1" applyFont="1" applyFill="1" applyBorder="1" applyAlignment="1">
      <alignment horizontal="center" vertical="center" shrinkToFit="1"/>
    </xf>
    <xf numFmtId="14" fontId="5" fillId="2" borderId="13" xfId="1" applyNumberFormat="1" applyFont="1" applyFill="1" applyBorder="1" applyAlignment="1">
      <alignment horizontal="center" vertical="center" shrinkToFit="1"/>
    </xf>
    <xf numFmtId="176" fontId="5" fillId="2" borderId="14" xfId="1" applyNumberFormat="1" applyFont="1" applyFill="1" applyBorder="1" applyAlignment="1">
      <alignment horizontal="center" vertical="center" shrinkToFit="1"/>
    </xf>
    <xf numFmtId="0" fontId="5" fillId="2" borderId="16" xfId="1" applyFont="1" applyFill="1" applyBorder="1" applyAlignment="1">
      <alignment horizontal="center" vertical="center" shrinkToFit="1"/>
    </xf>
    <xf numFmtId="0" fontId="7" fillId="2" borderId="0" xfId="1" applyFont="1" applyFill="1" applyBorder="1" applyAlignment="1">
      <alignment horizontal="center" vertical="center" shrinkToFit="1"/>
    </xf>
    <xf numFmtId="178" fontId="7" fillId="2" borderId="0" xfId="1" applyNumberFormat="1" applyFont="1" applyFill="1" applyBorder="1" applyAlignment="1">
      <alignment horizontal="center" vertical="center" shrinkToFit="1"/>
    </xf>
    <xf numFmtId="0" fontId="9" fillId="2" borderId="0" xfId="0" applyFont="1" applyFill="1" applyBorder="1" applyAlignment="1">
      <alignment horizontal="left"/>
    </xf>
    <xf numFmtId="0" fontId="7" fillId="2" borderId="0" xfId="0" applyFont="1" applyFill="1" applyBorder="1" applyAlignment="1"/>
    <xf numFmtId="0" fontId="6" fillId="2" borderId="0" xfId="0" applyFont="1" applyFill="1" applyBorder="1" applyAlignment="1"/>
    <xf numFmtId="0" fontId="9" fillId="2" borderId="0" xfId="1" applyFont="1" applyFill="1" applyBorder="1" applyAlignment="1">
      <alignment vertical="center"/>
    </xf>
    <xf numFmtId="0" fontId="9" fillId="0" borderId="0" xfId="1" applyFont="1" applyBorder="1" applyAlignment="1">
      <alignment vertical="center"/>
    </xf>
    <xf numFmtId="0" fontId="2" fillId="2" borderId="0" xfId="1" applyFont="1" applyFill="1" applyBorder="1" applyAlignment="1">
      <alignment horizontal="left" vertical="center"/>
    </xf>
    <xf numFmtId="0" fontId="2" fillId="2" borderId="0" xfId="1" applyFont="1" applyFill="1" applyBorder="1" applyAlignment="1">
      <alignment horizontal="left" vertical="center"/>
    </xf>
    <xf numFmtId="0" fontId="9" fillId="2" borderId="0" xfId="0" applyFont="1" applyFill="1" applyBorder="1" applyAlignment="1">
      <alignment horizontal="left" vertical="center"/>
    </xf>
    <xf numFmtId="0" fontId="12" fillId="2" borderId="0" xfId="1" applyFont="1" applyFill="1" applyBorder="1" applyAlignment="1">
      <alignment horizontal="left" vertical="center" shrinkToFit="1"/>
    </xf>
    <xf numFmtId="0" fontId="5" fillId="2" borderId="1" xfId="1" applyFont="1" applyFill="1" applyBorder="1" applyAlignment="1">
      <alignment horizontal="center" vertical="center" shrinkToFit="1"/>
    </xf>
    <xf numFmtId="0" fontId="5" fillId="2" borderId="17" xfId="1" applyFont="1" applyFill="1" applyBorder="1" applyAlignment="1">
      <alignment horizontal="center" vertical="center" shrinkToFit="1"/>
    </xf>
    <xf numFmtId="0" fontId="5" fillId="2" borderId="18" xfId="1" applyFont="1" applyFill="1" applyBorder="1" applyAlignment="1">
      <alignment horizontal="center" vertical="center" shrinkToFit="1"/>
    </xf>
    <xf numFmtId="0" fontId="5" fillId="2" borderId="19" xfId="1" applyFont="1" applyFill="1" applyBorder="1" applyAlignment="1">
      <alignment horizontal="center" vertical="center" shrinkToFit="1"/>
    </xf>
    <xf numFmtId="0" fontId="11" fillId="2" borderId="3" xfId="1" applyFont="1" applyFill="1" applyBorder="1" applyAlignment="1">
      <alignment vertical="center" shrinkToFit="1"/>
    </xf>
    <xf numFmtId="0" fontId="11" fillId="2" borderId="4" xfId="1" applyFont="1" applyFill="1" applyBorder="1" applyAlignment="1">
      <alignment vertical="center" shrinkToFit="1"/>
    </xf>
    <xf numFmtId="0" fontId="11" fillId="2" borderId="8" xfId="1" applyFont="1" applyFill="1" applyBorder="1" applyAlignment="1">
      <alignment vertical="center" shrinkToFit="1"/>
    </xf>
    <xf numFmtId="0" fontId="11" fillId="2" borderId="9" xfId="1" applyFont="1" applyFill="1" applyBorder="1" applyAlignment="1">
      <alignment vertical="center" shrinkToFit="1"/>
    </xf>
    <xf numFmtId="0" fontId="5" fillId="2" borderId="8" xfId="1" applyFont="1" applyFill="1" applyBorder="1" applyAlignment="1">
      <alignment vertical="center" shrinkToFit="1"/>
    </xf>
    <xf numFmtId="0" fontId="5" fillId="2" borderId="9" xfId="1" applyFont="1" applyFill="1" applyBorder="1" applyAlignment="1">
      <alignment vertical="center" shrinkToFit="1"/>
    </xf>
    <xf numFmtId="0" fontId="5" fillId="2" borderId="13" xfId="1" applyFont="1" applyFill="1" applyBorder="1" applyAlignment="1">
      <alignment vertical="center" shrinkToFit="1"/>
    </xf>
    <xf numFmtId="0" fontId="5" fillId="2" borderId="14" xfId="1" applyFont="1" applyFill="1" applyBorder="1" applyAlignment="1">
      <alignment vertical="center" shrinkToFit="1"/>
    </xf>
  </cellXfs>
  <cellStyles count="3">
    <cellStyle name="標準" xfId="0" builtinId="0"/>
    <cellStyle name="標準_wmo" xfId="1"/>
    <cellStyle name="標準_集計野張（第4四半期）_（様式４） (1)（捕獲あり性別体重9月16日提出）"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editAs="oneCell">
    <xdr:from>
      <xdr:col>4</xdr:col>
      <xdr:colOff>838200</xdr:colOff>
      <xdr:row>16</xdr:row>
      <xdr:rowOff>0</xdr:rowOff>
    </xdr:from>
    <xdr:to>
      <xdr:col>4</xdr:col>
      <xdr:colOff>914400</xdr:colOff>
      <xdr:row>16</xdr:row>
      <xdr:rowOff>209550</xdr:rowOff>
    </xdr:to>
    <xdr:sp macro="" textlink="">
      <xdr:nvSpPr>
        <xdr:cNvPr id="6255" name="Text Box 2"/>
        <xdr:cNvSpPr txBox="1">
          <a:spLocks noChangeArrowheads="1"/>
        </xdr:cNvSpPr>
      </xdr:nvSpPr>
      <xdr:spPr bwMode="auto">
        <a:xfrm>
          <a:off x="2857500" y="3314700"/>
          <a:ext cx="76200" cy="209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xdr:col>
      <xdr:colOff>838200</xdr:colOff>
      <xdr:row>16</xdr:row>
      <xdr:rowOff>0</xdr:rowOff>
    </xdr:from>
    <xdr:to>
      <xdr:col>4</xdr:col>
      <xdr:colOff>914400</xdr:colOff>
      <xdr:row>16</xdr:row>
      <xdr:rowOff>209550</xdr:rowOff>
    </xdr:to>
    <xdr:sp macro="" textlink="">
      <xdr:nvSpPr>
        <xdr:cNvPr id="6256" name="Text Box 3"/>
        <xdr:cNvSpPr txBox="1">
          <a:spLocks noChangeArrowheads="1"/>
        </xdr:cNvSpPr>
      </xdr:nvSpPr>
      <xdr:spPr bwMode="auto">
        <a:xfrm>
          <a:off x="2857500" y="3314700"/>
          <a:ext cx="76200" cy="209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xdr:col>
      <xdr:colOff>838200</xdr:colOff>
      <xdr:row>16</xdr:row>
      <xdr:rowOff>0</xdr:rowOff>
    </xdr:from>
    <xdr:to>
      <xdr:col>4</xdr:col>
      <xdr:colOff>914400</xdr:colOff>
      <xdr:row>16</xdr:row>
      <xdr:rowOff>209550</xdr:rowOff>
    </xdr:to>
    <xdr:sp macro="" textlink="">
      <xdr:nvSpPr>
        <xdr:cNvPr id="6257" name="Text Box 2"/>
        <xdr:cNvSpPr txBox="1">
          <a:spLocks noChangeArrowheads="1"/>
        </xdr:cNvSpPr>
      </xdr:nvSpPr>
      <xdr:spPr bwMode="auto">
        <a:xfrm>
          <a:off x="2857500" y="3314700"/>
          <a:ext cx="76200" cy="209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xdr:col>
      <xdr:colOff>838200</xdr:colOff>
      <xdr:row>16</xdr:row>
      <xdr:rowOff>0</xdr:rowOff>
    </xdr:from>
    <xdr:to>
      <xdr:col>4</xdr:col>
      <xdr:colOff>914400</xdr:colOff>
      <xdr:row>16</xdr:row>
      <xdr:rowOff>209550</xdr:rowOff>
    </xdr:to>
    <xdr:sp macro="" textlink="">
      <xdr:nvSpPr>
        <xdr:cNvPr id="6258" name="Text Box 3"/>
        <xdr:cNvSpPr txBox="1">
          <a:spLocks noChangeArrowheads="1"/>
        </xdr:cNvSpPr>
      </xdr:nvSpPr>
      <xdr:spPr bwMode="auto">
        <a:xfrm>
          <a:off x="2857500" y="3314700"/>
          <a:ext cx="76200" cy="209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R226"/>
  <sheetViews>
    <sheetView tabSelected="1" view="pageBreakPreview" zoomScaleNormal="70" zoomScaleSheetLayoutView="100" workbookViewId="0">
      <selection activeCell="E23" sqref="E23"/>
    </sheetView>
  </sheetViews>
  <sheetFormatPr defaultColWidth="8.875" defaultRowHeight="10.5" x14ac:dyDescent="0.15"/>
  <cols>
    <col min="1" max="2" width="3.75" style="1" customWidth="1"/>
    <col min="3" max="3" width="5.625" style="1" customWidth="1"/>
    <col min="4" max="4" width="13.375" style="1" customWidth="1"/>
    <col min="5" max="5" width="15" style="1" customWidth="1"/>
    <col min="6" max="6" width="7.5" style="1" customWidth="1"/>
    <col min="7" max="7" width="6.375" style="1" customWidth="1"/>
    <col min="8" max="9" width="9.25" style="3" customWidth="1"/>
    <col min="10" max="10" width="7.5" style="1" customWidth="1"/>
    <col min="11" max="11" width="5.125" style="1" customWidth="1"/>
    <col min="12" max="12" width="9.25" style="3" customWidth="1"/>
    <col min="13" max="13" width="5" style="1" customWidth="1"/>
    <col min="14" max="14" width="6.5" style="1" customWidth="1"/>
    <col min="15" max="15" width="5.625" style="1" customWidth="1"/>
    <col min="16" max="16" width="7.625" style="4" customWidth="1"/>
    <col min="17" max="17" width="9.25" style="1" customWidth="1"/>
    <col min="18" max="18" width="9.125" style="1" customWidth="1"/>
    <col min="19" max="16384" width="8.875" style="1"/>
  </cols>
  <sheetData>
    <row r="2" spans="2:18" ht="16.5" customHeight="1" x14ac:dyDescent="0.15">
      <c r="B2" s="14" t="s">
        <v>40</v>
      </c>
      <c r="C2" s="14"/>
      <c r="D2" s="15"/>
      <c r="E2" s="74"/>
      <c r="F2" s="74"/>
      <c r="G2" s="74"/>
      <c r="H2" s="74"/>
      <c r="I2" s="74"/>
      <c r="J2" s="74"/>
      <c r="K2" s="74"/>
      <c r="L2" s="74"/>
      <c r="M2" s="74"/>
      <c r="N2" s="74"/>
      <c r="O2" s="74"/>
      <c r="P2" s="74"/>
      <c r="Q2" s="74"/>
      <c r="R2" s="74"/>
    </row>
    <row r="3" spans="2:18" ht="14.25" x14ac:dyDescent="0.15">
      <c r="B3" s="72" t="s">
        <v>64</v>
      </c>
      <c r="C3" s="71"/>
      <c r="D3" s="15"/>
      <c r="E3" s="15"/>
      <c r="F3" s="15"/>
      <c r="G3" s="15"/>
      <c r="H3" s="16"/>
      <c r="I3" s="16"/>
      <c r="J3" s="15"/>
      <c r="K3" s="15"/>
      <c r="L3" s="16"/>
      <c r="M3" s="15"/>
      <c r="N3" s="15"/>
      <c r="O3" s="14" t="s">
        <v>36</v>
      </c>
      <c r="P3" s="17"/>
      <c r="Q3" s="15"/>
      <c r="R3" s="15"/>
    </row>
    <row r="4" spans="2:18" x14ac:dyDescent="0.15">
      <c r="B4" s="15"/>
      <c r="C4" s="15"/>
      <c r="D4" s="15"/>
      <c r="E4" s="15"/>
      <c r="F4" s="15"/>
      <c r="G4" s="15"/>
      <c r="H4" s="16"/>
      <c r="I4" s="16"/>
      <c r="J4" s="15"/>
      <c r="K4" s="15"/>
      <c r="L4" s="16"/>
      <c r="M4" s="15"/>
      <c r="N4" s="15"/>
      <c r="O4" s="15"/>
      <c r="P4" s="17"/>
      <c r="Q4" s="15"/>
      <c r="R4" s="15"/>
    </row>
    <row r="5" spans="2:18" x14ac:dyDescent="0.15">
      <c r="B5" s="75" t="s">
        <v>24</v>
      </c>
      <c r="C5" s="75" t="s">
        <v>37</v>
      </c>
      <c r="D5" s="75" t="s">
        <v>14</v>
      </c>
      <c r="E5" s="75"/>
      <c r="F5" s="75"/>
      <c r="G5" s="76" t="s">
        <v>20</v>
      </c>
      <c r="H5" s="77"/>
      <c r="I5" s="78"/>
      <c r="J5" s="75" t="s">
        <v>17</v>
      </c>
      <c r="K5" s="75"/>
      <c r="L5" s="75"/>
      <c r="M5" s="75"/>
      <c r="N5" s="75"/>
      <c r="O5" s="75"/>
      <c r="P5" s="75" t="s">
        <v>18</v>
      </c>
      <c r="Q5" s="75"/>
      <c r="R5" s="75" t="s">
        <v>19</v>
      </c>
    </row>
    <row r="6" spans="2:18" s="2" customFormat="1" ht="26.25" customHeight="1" x14ac:dyDescent="0.15">
      <c r="B6" s="75"/>
      <c r="C6" s="75"/>
      <c r="D6" s="18" t="s">
        <v>16</v>
      </c>
      <c r="E6" s="19" t="s">
        <v>22</v>
      </c>
      <c r="F6" s="19" t="s">
        <v>15</v>
      </c>
      <c r="G6" s="18" t="s">
        <v>5</v>
      </c>
      <c r="H6" s="20" t="s">
        <v>6</v>
      </c>
      <c r="I6" s="20" t="s">
        <v>7</v>
      </c>
      <c r="J6" s="18" t="s">
        <v>13</v>
      </c>
      <c r="K6" s="18" t="s">
        <v>8</v>
      </c>
      <c r="L6" s="20" t="s">
        <v>9</v>
      </c>
      <c r="M6" s="18" t="s">
        <v>4</v>
      </c>
      <c r="N6" s="18" t="s">
        <v>0</v>
      </c>
      <c r="O6" s="18" t="s">
        <v>10</v>
      </c>
      <c r="P6" s="21" t="s">
        <v>11</v>
      </c>
      <c r="Q6" s="18" t="s">
        <v>12</v>
      </c>
      <c r="R6" s="75"/>
    </row>
    <row r="7" spans="2:18" s="13" customFormat="1" ht="17.25" customHeight="1" x14ac:dyDescent="0.15">
      <c r="B7" s="22">
        <v>1</v>
      </c>
      <c r="C7" s="22">
        <v>1</v>
      </c>
      <c r="D7" s="79" t="s">
        <v>1</v>
      </c>
      <c r="E7" s="80" t="s">
        <v>2</v>
      </c>
      <c r="F7" s="25"/>
      <c r="G7" s="24">
        <v>3</v>
      </c>
      <c r="H7" s="26">
        <v>45383</v>
      </c>
      <c r="I7" s="27">
        <v>45412</v>
      </c>
      <c r="J7" s="28" t="s">
        <v>25</v>
      </c>
      <c r="K7" s="24">
        <v>1</v>
      </c>
      <c r="L7" s="26">
        <v>45392</v>
      </c>
      <c r="M7" s="24" t="s">
        <v>3</v>
      </c>
      <c r="N7" s="24">
        <v>0.3</v>
      </c>
      <c r="O7" s="25" t="s">
        <v>60</v>
      </c>
      <c r="P7" s="23"/>
      <c r="Q7" s="25"/>
      <c r="R7" s="29"/>
    </row>
    <row r="8" spans="2:18" s="13" customFormat="1" ht="17.25" customHeight="1" x14ac:dyDescent="0.15">
      <c r="B8" s="30">
        <v>2</v>
      </c>
      <c r="C8" s="30">
        <v>1</v>
      </c>
      <c r="D8" s="81" t="s">
        <v>41</v>
      </c>
      <c r="E8" s="82" t="s">
        <v>42</v>
      </c>
      <c r="F8" s="33"/>
      <c r="G8" s="32">
        <v>3</v>
      </c>
      <c r="H8" s="34">
        <v>45413</v>
      </c>
      <c r="I8" s="35">
        <v>45442</v>
      </c>
      <c r="J8" s="36" t="s">
        <v>43</v>
      </c>
      <c r="K8" s="32">
        <v>1</v>
      </c>
      <c r="L8" s="34">
        <v>45437</v>
      </c>
      <c r="M8" s="32" t="s">
        <v>44</v>
      </c>
      <c r="N8" s="32">
        <v>0.3</v>
      </c>
      <c r="O8" s="33" t="s">
        <v>60</v>
      </c>
      <c r="P8" s="36"/>
      <c r="Q8" s="33"/>
      <c r="R8" s="37"/>
    </row>
    <row r="9" spans="2:18" s="13" customFormat="1" ht="17.25" customHeight="1" x14ac:dyDescent="0.15">
      <c r="B9" s="30">
        <v>3</v>
      </c>
      <c r="C9" s="30">
        <v>2</v>
      </c>
      <c r="D9" s="81" t="s">
        <v>23</v>
      </c>
      <c r="E9" s="82" t="s">
        <v>26</v>
      </c>
      <c r="F9" s="33"/>
      <c r="G9" s="32">
        <v>4</v>
      </c>
      <c r="H9" s="34">
        <v>45383</v>
      </c>
      <c r="I9" s="35">
        <v>45473</v>
      </c>
      <c r="J9" s="36" t="s">
        <v>25</v>
      </c>
      <c r="K9" s="32">
        <v>1</v>
      </c>
      <c r="L9" s="34">
        <v>45432</v>
      </c>
      <c r="M9" s="32" t="s">
        <v>3</v>
      </c>
      <c r="N9" s="32">
        <v>0.3</v>
      </c>
      <c r="O9" s="33" t="s">
        <v>61</v>
      </c>
      <c r="P9" s="38">
        <v>45402</v>
      </c>
      <c r="Q9" s="33" t="s">
        <v>62</v>
      </c>
      <c r="R9" s="37"/>
    </row>
    <row r="10" spans="2:18" s="13" customFormat="1" ht="17.25" customHeight="1" x14ac:dyDescent="0.15">
      <c r="B10" s="30">
        <v>4</v>
      </c>
      <c r="C10" s="30">
        <v>3</v>
      </c>
      <c r="D10" s="81" t="s">
        <v>45</v>
      </c>
      <c r="E10" s="82" t="s">
        <v>46</v>
      </c>
      <c r="F10" s="33"/>
      <c r="G10" s="32">
        <v>4</v>
      </c>
      <c r="H10" s="39">
        <v>45393</v>
      </c>
      <c r="I10" s="40">
        <v>45483</v>
      </c>
      <c r="J10" s="36" t="s">
        <v>47</v>
      </c>
      <c r="K10" s="32">
        <v>1</v>
      </c>
      <c r="L10" s="39">
        <v>45455</v>
      </c>
      <c r="M10" s="41" t="s">
        <v>48</v>
      </c>
      <c r="N10" s="41">
        <v>0.3</v>
      </c>
      <c r="O10" s="33"/>
      <c r="P10" s="36"/>
      <c r="Q10" s="33"/>
      <c r="R10" s="37"/>
    </row>
    <row r="11" spans="2:18" s="13" customFormat="1" ht="17.25" customHeight="1" x14ac:dyDescent="0.15">
      <c r="B11" s="30">
        <v>5</v>
      </c>
      <c r="C11" s="30">
        <v>3</v>
      </c>
      <c r="D11" s="81" t="s">
        <v>49</v>
      </c>
      <c r="E11" s="82" t="s">
        <v>50</v>
      </c>
      <c r="F11" s="33"/>
      <c r="G11" s="32">
        <v>4</v>
      </c>
      <c r="H11" s="39">
        <v>45484</v>
      </c>
      <c r="I11" s="40">
        <v>45545</v>
      </c>
      <c r="J11" s="36" t="s">
        <v>43</v>
      </c>
      <c r="K11" s="32">
        <v>0</v>
      </c>
      <c r="L11" s="39"/>
      <c r="M11" s="41"/>
      <c r="N11" s="41"/>
      <c r="O11" s="33"/>
      <c r="P11" s="36"/>
      <c r="Q11" s="33"/>
      <c r="R11" s="42"/>
    </row>
    <row r="12" spans="2:18" s="13" customFormat="1" ht="17.25" customHeight="1" x14ac:dyDescent="0.15">
      <c r="B12" s="30">
        <v>6</v>
      </c>
      <c r="C12" s="30">
        <v>3</v>
      </c>
      <c r="D12" s="81" t="s">
        <v>49</v>
      </c>
      <c r="E12" s="82" t="s">
        <v>50</v>
      </c>
      <c r="F12" s="33"/>
      <c r="G12" s="32">
        <v>4</v>
      </c>
      <c r="H12" s="39">
        <v>45576</v>
      </c>
      <c r="I12" s="40">
        <v>45636</v>
      </c>
      <c r="J12" s="36" t="s">
        <v>43</v>
      </c>
      <c r="K12" s="32">
        <v>1</v>
      </c>
      <c r="L12" s="39">
        <v>45597</v>
      </c>
      <c r="M12" s="41" t="s">
        <v>51</v>
      </c>
      <c r="N12" s="41">
        <v>0.3</v>
      </c>
      <c r="O12" s="33"/>
      <c r="P12" s="36"/>
      <c r="Q12" s="33"/>
      <c r="R12" s="42"/>
    </row>
    <row r="13" spans="2:18" s="13" customFormat="1" ht="17.25" customHeight="1" x14ac:dyDescent="0.15">
      <c r="B13" s="30">
        <v>7</v>
      </c>
      <c r="C13" s="30" t="s">
        <v>52</v>
      </c>
      <c r="D13" s="81" t="s">
        <v>53</v>
      </c>
      <c r="E13" s="82" t="s">
        <v>27</v>
      </c>
      <c r="F13" s="33"/>
      <c r="G13" s="32">
        <v>1</v>
      </c>
      <c r="H13" s="34">
        <v>45397</v>
      </c>
      <c r="I13" s="35">
        <v>45397</v>
      </c>
      <c r="J13" s="36" t="s">
        <v>25</v>
      </c>
      <c r="K13" s="32">
        <v>1</v>
      </c>
      <c r="L13" s="34">
        <v>45397</v>
      </c>
      <c r="M13" s="32" t="s">
        <v>51</v>
      </c>
      <c r="N13" s="32">
        <v>0.3</v>
      </c>
      <c r="O13" s="33"/>
      <c r="P13" s="31"/>
      <c r="Q13" s="33"/>
      <c r="R13" s="37"/>
    </row>
    <row r="14" spans="2:18" s="13" customFormat="1" ht="17.25" customHeight="1" x14ac:dyDescent="0.15">
      <c r="B14" s="30">
        <v>8</v>
      </c>
      <c r="C14" s="30" t="s">
        <v>52</v>
      </c>
      <c r="D14" s="81" t="s">
        <v>53</v>
      </c>
      <c r="E14" s="82" t="s">
        <v>27</v>
      </c>
      <c r="F14" s="33"/>
      <c r="G14" s="32">
        <v>1</v>
      </c>
      <c r="H14" s="34">
        <v>45397</v>
      </c>
      <c r="I14" s="35">
        <v>45397</v>
      </c>
      <c r="J14" s="36" t="s">
        <v>25</v>
      </c>
      <c r="K14" s="32">
        <v>1</v>
      </c>
      <c r="L14" s="34">
        <v>45397</v>
      </c>
      <c r="M14" s="32" t="s">
        <v>44</v>
      </c>
      <c r="N14" s="32">
        <v>0.3</v>
      </c>
      <c r="O14" s="33"/>
      <c r="P14" s="31"/>
      <c r="Q14" s="33"/>
      <c r="R14" s="37"/>
    </row>
    <row r="15" spans="2:18" s="13" customFormat="1" ht="17.25" customHeight="1" x14ac:dyDescent="0.15">
      <c r="B15" s="30">
        <v>9</v>
      </c>
      <c r="C15" s="30">
        <v>4</v>
      </c>
      <c r="D15" s="81" t="s">
        <v>53</v>
      </c>
      <c r="E15" s="82" t="s">
        <v>28</v>
      </c>
      <c r="F15" s="33"/>
      <c r="G15" s="32">
        <v>1</v>
      </c>
      <c r="H15" s="34">
        <v>45386</v>
      </c>
      <c r="I15" s="35">
        <v>45403</v>
      </c>
      <c r="J15" s="36" t="s">
        <v>25</v>
      </c>
      <c r="K15" s="32">
        <v>1</v>
      </c>
      <c r="L15" s="34">
        <v>45397</v>
      </c>
      <c r="M15" s="32" t="s">
        <v>44</v>
      </c>
      <c r="N15" s="32">
        <v>0.3</v>
      </c>
      <c r="O15" s="33"/>
      <c r="P15" s="36"/>
      <c r="Q15" s="33"/>
      <c r="R15" s="37"/>
    </row>
    <row r="16" spans="2:18" s="13" customFormat="1" ht="17.25" customHeight="1" x14ac:dyDescent="0.15">
      <c r="B16" s="30">
        <v>10</v>
      </c>
      <c r="C16" s="30">
        <v>4</v>
      </c>
      <c r="D16" s="81" t="s">
        <v>53</v>
      </c>
      <c r="E16" s="82" t="s">
        <v>28</v>
      </c>
      <c r="F16" s="33"/>
      <c r="G16" s="32">
        <v>1</v>
      </c>
      <c r="H16" s="34">
        <v>45386</v>
      </c>
      <c r="I16" s="35">
        <v>45403</v>
      </c>
      <c r="J16" s="36" t="s">
        <v>25</v>
      </c>
      <c r="K16" s="32">
        <v>1</v>
      </c>
      <c r="L16" s="34">
        <v>45397</v>
      </c>
      <c r="M16" s="32" t="s">
        <v>44</v>
      </c>
      <c r="N16" s="32">
        <v>0.3</v>
      </c>
      <c r="O16" s="33"/>
      <c r="P16" s="36"/>
      <c r="Q16" s="33"/>
      <c r="R16" s="42"/>
    </row>
    <row r="17" spans="2:18" s="13" customFormat="1" ht="17.25" customHeight="1" x14ac:dyDescent="0.15">
      <c r="B17" s="30">
        <v>11</v>
      </c>
      <c r="C17" s="30">
        <v>5</v>
      </c>
      <c r="D17" s="81" t="s">
        <v>29</v>
      </c>
      <c r="E17" s="82" t="s">
        <v>30</v>
      </c>
      <c r="F17" s="33">
        <v>53390438</v>
      </c>
      <c r="G17" s="32">
        <v>3</v>
      </c>
      <c r="H17" s="39">
        <v>45516</v>
      </c>
      <c r="I17" s="40">
        <v>45565</v>
      </c>
      <c r="J17" s="36" t="s">
        <v>54</v>
      </c>
      <c r="K17" s="32">
        <v>0</v>
      </c>
      <c r="L17" s="43"/>
      <c r="M17" s="32"/>
      <c r="N17" s="32"/>
      <c r="O17" s="33"/>
      <c r="P17" s="36"/>
      <c r="Q17" s="33"/>
      <c r="R17" s="37"/>
    </row>
    <row r="18" spans="2:18" s="13" customFormat="1" ht="17.25" customHeight="1" x14ac:dyDescent="0.15">
      <c r="B18" s="30">
        <v>12</v>
      </c>
      <c r="C18" s="30">
        <v>2</v>
      </c>
      <c r="D18" s="81" t="s">
        <v>23</v>
      </c>
      <c r="E18" s="82" t="s">
        <v>31</v>
      </c>
      <c r="F18" s="44"/>
      <c r="G18" s="32">
        <v>3</v>
      </c>
      <c r="H18" s="39">
        <v>45536</v>
      </c>
      <c r="I18" s="40">
        <v>45595</v>
      </c>
      <c r="J18" s="36" t="s">
        <v>55</v>
      </c>
      <c r="K18" s="32">
        <v>0</v>
      </c>
      <c r="L18" s="45"/>
      <c r="M18" s="45"/>
      <c r="N18" s="45"/>
      <c r="O18" s="44"/>
      <c r="P18" s="46"/>
      <c r="Q18" s="44"/>
      <c r="R18" s="47"/>
    </row>
    <row r="19" spans="2:18" s="13" customFormat="1" ht="17.25" customHeight="1" x14ac:dyDescent="0.15">
      <c r="B19" s="30">
        <v>13</v>
      </c>
      <c r="C19" s="30">
        <v>5</v>
      </c>
      <c r="D19" s="81" t="s">
        <v>56</v>
      </c>
      <c r="E19" s="82" t="s">
        <v>32</v>
      </c>
      <c r="F19" s="33"/>
      <c r="G19" s="32">
        <v>4</v>
      </c>
      <c r="H19" s="39">
        <v>45566</v>
      </c>
      <c r="I19" s="40">
        <v>45626</v>
      </c>
      <c r="J19" s="36" t="s">
        <v>25</v>
      </c>
      <c r="K19" s="32">
        <v>0</v>
      </c>
      <c r="L19" s="39"/>
      <c r="M19" s="41"/>
      <c r="N19" s="41"/>
      <c r="O19" s="44"/>
      <c r="P19" s="38">
        <v>45616</v>
      </c>
      <c r="Q19" s="33" t="s">
        <v>62</v>
      </c>
      <c r="R19" s="47"/>
    </row>
    <row r="20" spans="2:18" s="13" customFormat="1" ht="17.25" customHeight="1" x14ac:dyDescent="0.15">
      <c r="B20" s="30"/>
      <c r="C20" s="30"/>
      <c r="D20" s="81"/>
      <c r="E20" s="82"/>
      <c r="F20" s="33"/>
      <c r="G20" s="32"/>
      <c r="H20" s="39"/>
      <c r="I20" s="40"/>
      <c r="J20" s="36"/>
      <c r="K20" s="32"/>
      <c r="L20" s="39"/>
      <c r="M20" s="41"/>
      <c r="N20" s="41"/>
      <c r="O20" s="44"/>
      <c r="P20" s="38"/>
      <c r="Q20" s="33"/>
      <c r="R20" s="47"/>
    </row>
    <row r="21" spans="2:18" ht="15" customHeight="1" x14ac:dyDescent="0.15">
      <c r="B21" s="48"/>
      <c r="C21" s="49"/>
      <c r="D21" s="83"/>
      <c r="E21" s="84"/>
      <c r="F21" s="51"/>
      <c r="G21" s="50"/>
      <c r="H21" s="52"/>
      <c r="I21" s="53"/>
      <c r="J21" s="54"/>
      <c r="K21" s="50"/>
      <c r="L21" s="52"/>
      <c r="M21" s="50"/>
      <c r="N21" s="50"/>
      <c r="O21" s="51"/>
      <c r="P21" s="54"/>
      <c r="Q21" s="51"/>
      <c r="R21" s="55"/>
    </row>
    <row r="22" spans="2:18" ht="15" customHeight="1" x14ac:dyDescent="0.15">
      <c r="B22" s="48"/>
      <c r="C22" s="49"/>
      <c r="D22" s="83"/>
      <c r="E22" s="84"/>
      <c r="F22" s="51"/>
      <c r="G22" s="50"/>
      <c r="H22" s="52"/>
      <c r="I22" s="53"/>
      <c r="J22" s="54"/>
      <c r="K22" s="50"/>
      <c r="L22" s="52"/>
      <c r="M22" s="50"/>
      <c r="N22" s="50"/>
      <c r="O22" s="51"/>
      <c r="P22" s="54"/>
      <c r="Q22" s="51"/>
      <c r="R22" s="55"/>
    </row>
    <row r="23" spans="2:18" ht="15" customHeight="1" x14ac:dyDescent="0.15">
      <c r="B23" s="48"/>
      <c r="C23" s="49"/>
      <c r="D23" s="83"/>
      <c r="E23" s="84"/>
      <c r="F23" s="51"/>
      <c r="G23" s="50"/>
      <c r="H23" s="52"/>
      <c r="I23" s="53"/>
      <c r="J23" s="54"/>
      <c r="K23" s="50"/>
      <c r="L23" s="52"/>
      <c r="M23" s="50"/>
      <c r="N23" s="50"/>
      <c r="O23" s="51"/>
      <c r="P23" s="54"/>
      <c r="Q23" s="51"/>
      <c r="R23" s="55"/>
    </row>
    <row r="24" spans="2:18" ht="15" customHeight="1" x14ac:dyDescent="0.15">
      <c r="B24" s="48"/>
      <c r="C24" s="49"/>
      <c r="D24" s="83"/>
      <c r="E24" s="84"/>
      <c r="F24" s="51"/>
      <c r="G24" s="50"/>
      <c r="H24" s="52"/>
      <c r="I24" s="53"/>
      <c r="J24" s="54"/>
      <c r="K24" s="50"/>
      <c r="L24" s="52"/>
      <c r="M24" s="50"/>
      <c r="N24" s="50"/>
      <c r="O24" s="51"/>
      <c r="P24" s="54"/>
      <c r="Q24" s="51"/>
      <c r="R24" s="55"/>
    </row>
    <row r="25" spans="2:18" ht="15" customHeight="1" x14ac:dyDescent="0.15">
      <c r="B25" s="48"/>
      <c r="C25" s="49"/>
      <c r="D25" s="83"/>
      <c r="E25" s="84"/>
      <c r="F25" s="51"/>
      <c r="G25" s="50"/>
      <c r="H25" s="52"/>
      <c r="I25" s="53"/>
      <c r="J25" s="54"/>
      <c r="K25" s="50"/>
      <c r="L25" s="52"/>
      <c r="M25" s="50"/>
      <c r="N25" s="50"/>
      <c r="O25" s="51"/>
      <c r="P25" s="54"/>
      <c r="Q25" s="51"/>
      <c r="R25" s="55"/>
    </row>
    <row r="26" spans="2:18" ht="15" customHeight="1" x14ac:dyDescent="0.15">
      <c r="B26" s="48"/>
      <c r="C26" s="49"/>
      <c r="D26" s="83"/>
      <c r="E26" s="84"/>
      <c r="F26" s="51"/>
      <c r="G26" s="50"/>
      <c r="H26" s="52"/>
      <c r="I26" s="53"/>
      <c r="J26" s="54"/>
      <c r="K26" s="50"/>
      <c r="L26" s="52"/>
      <c r="M26" s="50"/>
      <c r="N26" s="50"/>
      <c r="O26" s="51"/>
      <c r="P26" s="54"/>
      <c r="Q26" s="51"/>
      <c r="R26" s="55"/>
    </row>
    <row r="27" spans="2:18" ht="15" customHeight="1" x14ac:dyDescent="0.15">
      <c r="B27" s="56"/>
      <c r="C27" s="56"/>
      <c r="D27" s="85"/>
      <c r="E27" s="86"/>
      <c r="F27" s="58"/>
      <c r="G27" s="57"/>
      <c r="H27" s="59"/>
      <c r="I27" s="60"/>
      <c r="J27" s="61"/>
      <c r="K27" s="57"/>
      <c r="L27" s="59"/>
      <c r="M27" s="57"/>
      <c r="N27" s="62"/>
      <c r="O27" s="58"/>
      <c r="P27" s="61"/>
      <c r="Q27" s="58"/>
      <c r="R27" s="63"/>
    </row>
    <row r="28" spans="2:18" x14ac:dyDescent="0.15">
      <c r="B28" s="15"/>
      <c r="C28" s="15"/>
      <c r="D28" s="15"/>
      <c r="E28" s="15"/>
      <c r="F28" s="15"/>
      <c r="G28" s="15"/>
      <c r="H28" s="16"/>
      <c r="I28" s="16"/>
      <c r="J28" s="17"/>
      <c r="K28" s="15"/>
      <c r="L28" s="16"/>
      <c r="M28" s="15"/>
      <c r="N28" s="15"/>
      <c r="O28" s="15"/>
      <c r="P28" s="17"/>
      <c r="Q28" s="15"/>
      <c r="R28" s="15"/>
    </row>
    <row r="29" spans="2:18" ht="11.25" x14ac:dyDescent="0.15">
      <c r="B29" s="73" t="s">
        <v>21</v>
      </c>
      <c r="C29" s="73"/>
      <c r="D29" s="64"/>
      <c r="E29" s="64"/>
      <c r="F29" s="64"/>
      <c r="G29" s="64"/>
      <c r="H29" s="65"/>
      <c r="I29" s="65"/>
      <c r="J29" s="17"/>
      <c r="K29" s="15"/>
      <c r="L29" s="16"/>
      <c r="M29" s="15"/>
      <c r="N29" s="15"/>
      <c r="O29" s="15"/>
      <c r="P29" s="17"/>
      <c r="Q29" s="15"/>
      <c r="R29" s="15"/>
    </row>
    <row r="30" spans="2:18" ht="14.25" customHeight="1" x14ac:dyDescent="0.15">
      <c r="B30" s="66" t="s">
        <v>38</v>
      </c>
      <c r="C30" s="66"/>
      <c r="D30" s="67"/>
      <c r="E30" s="67"/>
      <c r="F30" s="67"/>
      <c r="G30" s="67"/>
      <c r="H30" s="67"/>
      <c r="I30" s="67"/>
      <c r="J30" s="68"/>
      <c r="K30" s="68"/>
      <c r="L30" s="68"/>
      <c r="M30" s="68"/>
      <c r="N30" s="68"/>
      <c r="O30" s="68"/>
      <c r="P30" s="68"/>
      <c r="Q30" s="68"/>
      <c r="R30" s="68"/>
    </row>
    <row r="31" spans="2:18" ht="14.25" customHeight="1" x14ac:dyDescent="0.15">
      <c r="B31" s="66" t="s">
        <v>39</v>
      </c>
      <c r="C31" s="66"/>
      <c r="D31" s="67"/>
      <c r="E31" s="67"/>
      <c r="F31" s="67"/>
      <c r="G31" s="67"/>
      <c r="H31" s="67"/>
      <c r="I31" s="67"/>
      <c r="J31" s="68"/>
      <c r="K31" s="68"/>
      <c r="L31" s="68"/>
      <c r="M31" s="68"/>
      <c r="N31" s="68"/>
      <c r="O31" s="68"/>
      <c r="P31" s="68"/>
      <c r="Q31" s="68"/>
      <c r="R31" s="68"/>
    </row>
    <row r="32" spans="2:18" ht="14.25" customHeight="1" x14ac:dyDescent="0.15">
      <c r="B32" s="66" t="s">
        <v>34</v>
      </c>
      <c r="C32" s="66"/>
      <c r="D32" s="67"/>
      <c r="E32" s="67"/>
      <c r="F32" s="67"/>
      <c r="G32" s="67"/>
      <c r="H32" s="67"/>
      <c r="I32" s="67"/>
      <c r="J32" s="68"/>
      <c r="K32" s="68"/>
      <c r="L32" s="68"/>
      <c r="M32" s="68"/>
      <c r="N32" s="68"/>
      <c r="O32" s="68"/>
      <c r="P32" s="68"/>
      <c r="Q32" s="68"/>
      <c r="R32" s="68"/>
    </row>
    <row r="33" spans="2:18" ht="14.25" customHeight="1" x14ac:dyDescent="0.15">
      <c r="B33" s="66" t="s">
        <v>63</v>
      </c>
      <c r="C33" s="66"/>
      <c r="D33" s="67"/>
      <c r="E33" s="67"/>
      <c r="F33" s="67"/>
      <c r="G33" s="67"/>
      <c r="H33" s="67"/>
      <c r="I33" s="67"/>
      <c r="J33" s="68"/>
      <c r="K33" s="68"/>
      <c r="L33" s="68"/>
      <c r="M33" s="68"/>
      <c r="N33" s="68"/>
      <c r="O33" s="68"/>
      <c r="P33" s="68"/>
      <c r="Q33" s="68"/>
      <c r="R33" s="68"/>
    </row>
    <row r="34" spans="2:18" ht="14.25" customHeight="1" x14ac:dyDescent="0.15">
      <c r="B34" s="66" t="s">
        <v>35</v>
      </c>
      <c r="C34" s="66"/>
      <c r="D34" s="67"/>
      <c r="E34" s="67"/>
      <c r="F34" s="67"/>
      <c r="G34" s="67"/>
      <c r="H34" s="67"/>
      <c r="I34" s="67"/>
      <c r="J34" s="67"/>
      <c r="K34" s="67"/>
      <c r="L34" s="67"/>
      <c r="M34" s="67"/>
      <c r="N34" s="67"/>
      <c r="O34" s="67"/>
      <c r="P34" s="67"/>
      <c r="Q34" s="67"/>
      <c r="R34" s="67"/>
    </row>
    <row r="35" spans="2:18" ht="14.25" customHeight="1" x14ac:dyDescent="0.15">
      <c r="B35" s="69" t="s">
        <v>33</v>
      </c>
      <c r="C35" s="69"/>
      <c r="D35" s="64"/>
      <c r="E35" s="64"/>
      <c r="F35" s="64"/>
      <c r="G35" s="64"/>
      <c r="H35" s="65"/>
      <c r="I35" s="65"/>
      <c r="J35" s="17"/>
      <c r="K35" s="15"/>
      <c r="L35" s="16"/>
      <c r="M35" s="15"/>
      <c r="N35" s="15"/>
      <c r="O35" s="15"/>
      <c r="P35" s="17"/>
      <c r="Q35" s="15"/>
      <c r="R35" s="15"/>
    </row>
    <row r="36" spans="2:18" ht="14.25" customHeight="1" x14ac:dyDescent="0.15">
      <c r="B36" s="70" t="s">
        <v>57</v>
      </c>
      <c r="C36" s="70"/>
      <c r="D36" s="11"/>
      <c r="E36" s="64"/>
      <c r="F36" s="64"/>
      <c r="G36" s="64"/>
      <c r="H36" s="65"/>
      <c r="I36" s="65"/>
      <c r="J36" s="17"/>
      <c r="K36" s="15"/>
      <c r="L36" s="16"/>
      <c r="M36" s="15"/>
      <c r="N36" s="15"/>
      <c r="O36" s="15"/>
      <c r="P36" s="17"/>
      <c r="Q36" s="15"/>
      <c r="R36" s="15"/>
    </row>
    <row r="37" spans="2:18" ht="11.25" x14ac:dyDescent="0.15">
      <c r="B37" s="70" t="s">
        <v>59</v>
      </c>
      <c r="C37" s="70"/>
      <c r="D37" s="11"/>
      <c r="E37" s="11"/>
      <c r="F37" s="11"/>
      <c r="G37" s="11"/>
      <c r="H37" s="12"/>
      <c r="I37" s="12"/>
      <c r="J37" s="4"/>
    </row>
    <row r="38" spans="2:18" ht="11.25" x14ac:dyDescent="0.15">
      <c r="B38" s="70" t="s">
        <v>58</v>
      </c>
      <c r="J38" s="4"/>
    </row>
    <row r="39" spans="2:18" x14ac:dyDescent="0.15">
      <c r="J39" s="4"/>
    </row>
    <row r="40" spans="2:18" x14ac:dyDescent="0.15">
      <c r="J40" s="4"/>
    </row>
    <row r="41" spans="2:18" x14ac:dyDescent="0.15">
      <c r="J41" s="4"/>
    </row>
    <row r="42" spans="2:18" x14ac:dyDescent="0.15">
      <c r="J42" s="4"/>
    </row>
    <row r="43" spans="2:18" x14ac:dyDescent="0.15">
      <c r="J43" s="4"/>
    </row>
    <row r="44" spans="2:18" x14ac:dyDescent="0.15">
      <c r="J44" s="4"/>
    </row>
    <row r="46" spans="2:18" x14ac:dyDescent="0.15">
      <c r="J46" s="4"/>
    </row>
    <row r="47" spans="2:18" x14ac:dyDescent="0.15">
      <c r="J47" s="4"/>
    </row>
    <row r="48" spans="2:18" x14ac:dyDescent="0.15">
      <c r="J48" s="4"/>
    </row>
    <row r="49" spans="10:10" x14ac:dyDescent="0.15">
      <c r="J49" s="4"/>
    </row>
    <row r="50" spans="10:10" x14ac:dyDescent="0.15">
      <c r="J50" s="4"/>
    </row>
    <row r="56" spans="10:10" x14ac:dyDescent="0.15">
      <c r="J56" s="4"/>
    </row>
    <row r="63" spans="10:10" x14ac:dyDescent="0.15">
      <c r="J63" s="4"/>
    </row>
    <row r="64" spans="10:10" x14ac:dyDescent="0.15">
      <c r="J64" s="4"/>
    </row>
    <row r="65" spans="10:10" x14ac:dyDescent="0.15">
      <c r="J65" s="4"/>
    </row>
    <row r="66" spans="10:10" x14ac:dyDescent="0.15">
      <c r="J66" s="4"/>
    </row>
    <row r="67" spans="10:10" x14ac:dyDescent="0.15">
      <c r="J67" s="4"/>
    </row>
    <row r="78" spans="10:10" x14ac:dyDescent="0.15">
      <c r="J78" s="4"/>
    </row>
    <row r="96" spans="10:10" x14ac:dyDescent="0.15">
      <c r="J96" s="4"/>
    </row>
    <row r="97" spans="10:10" x14ac:dyDescent="0.15">
      <c r="J97" s="4"/>
    </row>
    <row r="98" spans="10:10" x14ac:dyDescent="0.15">
      <c r="J98" s="4"/>
    </row>
    <row r="100" spans="10:10" x14ac:dyDescent="0.15">
      <c r="J100" s="4"/>
    </row>
    <row r="111" spans="10:10" x14ac:dyDescent="0.15">
      <c r="J111" s="4"/>
    </row>
    <row r="127" spans="10:10" x14ac:dyDescent="0.15">
      <c r="J127" s="4"/>
    </row>
    <row r="128" spans="10:10" x14ac:dyDescent="0.15">
      <c r="J128" s="4"/>
    </row>
    <row r="132" spans="10:10" x14ac:dyDescent="0.15">
      <c r="J132" s="4"/>
    </row>
    <row r="133" spans="10:10" x14ac:dyDescent="0.15">
      <c r="J133" s="4"/>
    </row>
    <row r="139" spans="10:10" x14ac:dyDescent="0.15">
      <c r="J139" s="4"/>
    </row>
    <row r="143" spans="10:10" x14ac:dyDescent="0.15">
      <c r="J143" s="4"/>
    </row>
    <row r="149" spans="10:10" x14ac:dyDescent="0.15">
      <c r="J149" s="4"/>
    </row>
    <row r="161" spans="14:14" x14ac:dyDescent="0.15">
      <c r="N161" s="6"/>
    </row>
    <row r="162" spans="14:14" x14ac:dyDescent="0.15">
      <c r="N162" s="6"/>
    </row>
    <row r="163" spans="14:14" x14ac:dyDescent="0.15">
      <c r="N163" s="6"/>
    </row>
    <row r="164" spans="14:14" x14ac:dyDescent="0.15">
      <c r="N164" s="6"/>
    </row>
    <row r="165" spans="14:14" x14ac:dyDescent="0.15">
      <c r="N165" s="6"/>
    </row>
    <row r="166" spans="14:14" x14ac:dyDescent="0.15">
      <c r="N166" s="6"/>
    </row>
    <row r="167" spans="14:14" x14ac:dyDescent="0.15">
      <c r="N167" s="6"/>
    </row>
    <row r="168" spans="14:14" x14ac:dyDescent="0.15">
      <c r="N168" s="6"/>
    </row>
    <row r="169" spans="14:14" x14ac:dyDescent="0.15">
      <c r="N169" s="6"/>
    </row>
    <row r="170" spans="14:14" x14ac:dyDescent="0.15">
      <c r="N170" s="6"/>
    </row>
    <row r="171" spans="14:14" x14ac:dyDescent="0.15">
      <c r="N171" s="6"/>
    </row>
    <row r="172" spans="14:14" x14ac:dyDescent="0.15">
      <c r="N172" s="6"/>
    </row>
    <row r="173" spans="14:14" x14ac:dyDescent="0.15">
      <c r="N173" s="6"/>
    </row>
    <row r="174" spans="14:14" x14ac:dyDescent="0.15">
      <c r="N174" s="6"/>
    </row>
    <row r="175" spans="14:14" x14ac:dyDescent="0.15">
      <c r="N175" s="5"/>
    </row>
    <row r="180" spans="10:14" x14ac:dyDescent="0.15">
      <c r="J180" s="4"/>
      <c r="N180" s="5"/>
    </row>
    <row r="181" spans="10:14" x14ac:dyDescent="0.15">
      <c r="J181" s="4"/>
    </row>
    <row r="182" spans="10:14" x14ac:dyDescent="0.15">
      <c r="J182" s="4"/>
    </row>
    <row r="183" spans="10:14" x14ac:dyDescent="0.15">
      <c r="J183" s="4"/>
    </row>
    <row r="191" spans="10:14" x14ac:dyDescent="0.15">
      <c r="J191" s="4"/>
      <c r="N191" s="5"/>
    </row>
    <row r="194" spans="2:16" x14ac:dyDescent="0.15">
      <c r="N194" s="5"/>
    </row>
    <row r="196" spans="2:16" s="7" customFormat="1" x14ac:dyDescent="0.15">
      <c r="B196" s="1"/>
      <c r="C196" s="1"/>
      <c r="D196" s="1"/>
      <c r="E196" s="1"/>
      <c r="F196" s="1"/>
      <c r="H196" s="8"/>
      <c r="I196" s="8"/>
      <c r="L196" s="8"/>
      <c r="N196" s="9"/>
      <c r="P196" s="10"/>
    </row>
    <row r="197" spans="2:16" s="7" customFormat="1" x14ac:dyDescent="0.15">
      <c r="B197" s="1"/>
      <c r="C197" s="1"/>
      <c r="D197" s="1"/>
      <c r="E197" s="1"/>
      <c r="F197" s="1"/>
      <c r="H197" s="8"/>
      <c r="I197" s="8"/>
      <c r="L197" s="8"/>
      <c r="N197" s="9"/>
      <c r="P197" s="10"/>
    </row>
    <row r="198" spans="2:16" s="7" customFormat="1" x14ac:dyDescent="0.15">
      <c r="B198" s="1"/>
      <c r="C198" s="1"/>
      <c r="D198" s="1"/>
      <c r="E198" s="1"/>
      <c r="F198" s="1"/>
      <c r="H198" s="8"/>
      <c r="I198" s="8"/>
      <c r="L198" s="8"/>
      <c r="N198" s="9"/>
      <c r="P198" s="10"/>
    </row>
    <row r="199" spans="2:16" s="7" customFormat="1" x14ac:dyDescent="0.15">
      <c r="B199" s="1"/>
      <c r="C199" s="1"/>
      <c r="D199" s="1"/>
      <c r="E199" s="1"/>
      <c r="F199" s="1"/>
      <c r="H199" s="8"/>
      <c r="I199" s="8"/>
      <c r="L199" s="8"/>
      <c r="N199" s="9"/>
      <c r="P199" s="10"/>
    </row>
    <row r="200" spans="2:16" s="7" customFormat="1" x14ac:dyDescent="0.15">
      <c r="B200" s="1"/>
      <c r="C200" s="1"/>
      <c r="D200" s="1"/>
      <c r="E200" s="1"/>
      <c r="F200" s="1"/>
      <c r="H200" s="8"/>
      <c r="I200" s="8"/>
      <c r="L200" s="8"/>
      <c r="N200" s="9"/>
      <c r="P200" s="10"/>
    </row>
    <row r="201" spans="2:16" s="7" customFormat="1" x14ac:dyDescent="0.15">
      <c r="B201" s="1"/>
      <c r="C201" s="1"/>
      <c r="D201" s="1"/>
      <c r="E201" s="1"/>
      <c r="F201" s="1"/>
      <c r="H201" s="8"/>
      <c r="I201" s="8"/>
      <c r="L201" s="8"/>
      <c r="N201" s="9"/>
      <c r="P201" s="10"/>
    </row>
    <row r="202" spans="2:16" s="7" customFormat="1" x14ac:dyDescent="0.15">
      <c r="B202" s="1"/>
      <c r="C202" s="1"/>
      <c r="D202" s="1"/>
      <c r="E202" s="1"/>
      <c r="F202" s="1"/>
      <c r="H202" s="8"/>
      <c r="I202" s="8"/>
      <c r="L202" s="8"/>
      <c r="N202" s="9"/>
      <c r="P202" s="10"/>
    </row>
    <row r="203" spans="2:16" s="7" customFormat="1" x14ac:dyDescent="0.15">
      <c r="B203" s="1"/>
      <c r="C203" s="1"/>
      <c r="D203" s="1"/>
      <c r="E203" s="1"/>
      <c r="F203" s="1"/>
      <c r="H203" s="8"/>
      <c r="I203" s="8"/>
      <c r="L203" s="8"/>
      <c r="N203" s="9"/>
      <c r="P203" s="10"/>
    </row>
    <row r="204" spans="2:16" s="7" customFormat="1" x14ac:dyDescent="0.15">
      <c r="B204" s="1"/>
      <c r="C204" s="1"/>
      <c r="D204" s="1"/>
      <c r="E204" s="1"/>
      <c r="F204" s="1"/>
      <c r="H204" s="8"/>
      <c r="I204" s="8"/>
      <c r="L204" s="8"/>
      <c r="N204" s="9"/>
      <c r="P204" s="10"/>
    </row>
    <row r="205" spans="2:16" s="7" customFormat="1" x14ac:dyDescent="0.15">
      <c r="B205" s="1"/>
      <c r="C205" s="1"/>
      <c r="D205" s="1"/>
      <c r="E205" s="1"/>
      <c r="F205" s="1"/>
      <c r="H205" s="8"/>
      <c r="I205" s="8"/>
      <c r="L205" s="8"/>
      <c r="N205" s="9"/>
      <c r="P205" s="10"/>
    </row>
    <row r="206" spans="2:16" s="7" customFormat="1" x14ac:dyDescent="0.15">
      <c r="B206" s="1"/>
      <c r="C206" s="1"/>
      <c r="D206" s="1"/>
      <c r="E206" s="1"/>
      <c r="F206" s="1"/>
      <c r="H206" s="8"/>
      <c r="I206" s="8"/>
      <c r="L206" s="8"/>
      <c r="N206" s="9"/>
      <c r="P206" s="10"/>
    </row>
    <row r="207" spans="2:16" s="7" customFormat="1" x14ac:dyDescent="0.15">
      <c r="B207" s="1"/>
      <c r="C207" s="1"/>
      <c r="D207" s="1"/>
      <c r="E207" s="1"/>
      <c r="F207" s="1"/>
      <c r="H207" s="8"/>
      <c r="I207" s="8"/>
      <c r="L207" s="8"/>
      <c r="N207" s="9"/>
      <c r="P207" s="10"/>
    </row>
    <row r="208" spans="2:16" s="7" customFormat="1" x14ac:dyDescent="0.15">
      <c r="B208" s="1"/>
      <c r="C208" s="1"/>
      <c r="D208" s="1"/>
      <c r="E208" s="1"/>
      <c r="F208" s="1"/>
      <c r="H208" s="8"/>
      <c r="I208" s="8"/>
      <c r="L208" s="8"/>
      <c r="N208" s="9"/>
      <c r="P208" s="10"/>
    </row>
    <row r="209" spans="2:16" s="7" customFormat="1" x14ac:dyDescent="0.15">
      <c r="B209" s="1"/>
      <c r="C209" s="1"/>
      <c r="D209" s="1"/>
      <c r="E209" s="1"/>
      <c r="F209" s="1"/>
      <c r="H209" s="8"/>
      <c r="I209" s="8"/>
      <c r="L209" s="8"/>
      <c r="N209" s="9"/>
      <c r="P209" s="10"/>
    </row>
    <row r="210" spans="2:16" s="7" customFormat="1" x14ac:dyDescent="0.15">
      <c r="B210" s="1"/>
      <c r="C210" s="1"/>
      <c r="D210" s="1"/>
      <c r="E210" s="1"/>
      <c r="F210" s="1"/>
      <c r="H210" s="8"/>
      <c r="I210" s="8"/>
      <c r="L210" s="8"/>
      <c r="N210" s="9"/>
      <c r="P210" s="10"/>
    </row>
    <row r="211" spans="2:16" s="7" customFormat="1" x14ac:dyDescent="0.15">
      <c r="B211" s="1"/>
      <c r="C211" s="1"/>
      <c r="D211" s="1"/>
      <c r="E211" s="1"/>
      <c r="F211" s="1"/>
      <c r="H211" s="8"/>
      <c r="I211" s="8"/>
      <c r="L211" s="8"/>
      <c r="N211" s="9"/>
      <c r="P211" s="10"/>
    </row>
    <row r="212" spans="2:16" s="7" customFormat="1" x14ac:dyDescent="0.15">
      <c r="B212" s="1"/>
      <c r="C212" s="1"/>
      <c r="D212" s="1"/>
      <c r="E212" s="1"/>
      <c r="F212" s="1"/>
      <c r="H212" s="8"/>
      <c r="I212" s="8"/>
      <c r="L212" s="8"/>
      <c r="N212" s="9"/>
      <c r="P212" s="10"/>
    </row>
    <row r="213" spans="2:16" s="7" customFormat="1" x14ac:dyDescent="0.15">
      <c r="B213" s="1"/>
      <c r="C213" s="1"/>
      <c r="D213" s="1"/>
      <c r="E213" s="1"/>
      <c r="F213" s="1"/>
      <c r="H213" s="8"/>
      <c r="I213" s="8"/>
      <c r="L213" s="8"/>
      <c r="N213" s="9"/>
      <c r="P213" s="10"/>
    </row>
    <row r="214" spans="2:16" s="7" customFormat="1" x14ac:dyDescent="0.15">
      <c r="B214" s="1"/>
      <c r="C214" s="1"/>
      <c r="D214" s="1"/>
      <c r="E214" s="1"/>
      <c r="F214" s="1"/>
      <c r="H214" s="8"/>
      <c r="I214" s="8"/>
      <c r="L214" s="8"/>
      <c r="N214" s="9"/>
      <c r="P214" s="10"/>
    </row>
    <row r="215" spans="2:16" s="7" customFormat="1" x14ac:dyDescent="0.15">
      <c r="B215" s="1"/>
      <c r="C215" s="1"/>
      <c r="D215" s="1"/>
      <c r="E215" s="1"/>
      <c r="F215" s="1"/>
      <c r="H215" s="8"/>
      <c r="I215" s="8"/>
      <c r="L215" s="8"/>
      <c r="N215" s="9"/>
      <c r="P215" s="10"/>
    </row>
    <row r="216" spans="2:16" s="7" customFormat="1" x14ac:dyDescent="0.15">
      <c r="B216" s="1"/>
      <c r="C216" s="1"/>
      <c r="D216" s="1"/>
      <c r="E216" s="1"/>
      <c r="F216" s="1"/>
      <c r="H216" s="8"/>
      <c r="I216" s="8"/>
      <c r="L216" s="8"/>
      <c r="N216" s="9"/>
      <c r="P216" s="10"/>
    </row>
    <row r="217" spans="2:16" s="7" customFormat="1" x14ac:dyDescent="0.15">
      <c r="B217" s="1"/>
      <c r="C217" s="1"/>
      <c r="D217" s="1"/>
      <c r="E217" s="1"/>
      <c r="F217" s="1"/>
      <c r="H217" s="8"/>
      <c r="I217" s="8"/>
      <c r="L217" s="8"/>
      <c r="N217" s="9"/>
      <c r="P217" s="10"/>
    </row>
    <row r="218" spans="2:16" s="7" customFormat="1" x14ac:dyDescent="0.15">
      <c r="B218" s="1"/>
      <c r="C218" s="1"/>
      <c r="D218" s="1"/>
      <c r="E218" s="1"/>
      <c r="F218" s="1"/>
      <c r="H218" s="8"/>
      <c r="I218" s="8"/>
      <c r="L218" s="8"/>
      <c r="N218" s="9"/>
      <c r="P218" s="10"/>
    </row>
    <row r="219" spans="2:16" s="7" customFormat="1" x14ac:dyDescent="0.15">
      <c r="B219" s="1"/>
      <c r="C219" s="1"/>
      <c r="D219" s="1"/>
      <c r="E219" s="1"/>
      <c r="F219" s="1"/>
      <c r="H219" s="8"/>
      <c r="I219" s="8"/>
      <c r="L219" s="8"/>
      <c r="N219" s="9"/>
      <c r="P219" s="10"/>
    </row>
    <row r="220" spans="2:16" s="7" customFormat="1" x14ac:dyDescent="0.15">
      <c r="B220" s="1"/>
      <c r="C220" s="1"/>
      <c r="D220" s="1"/>
      <c r="E220" s="1"/>
      <c r="F220" s="1"/>
      <c r="H220" s="8"/>
      <c r="I220" s="8"/>
      <c r="L220" s="8"/>
      <c r="N220" s="9"/>
      <c r="P220" s="10"/>
    </row>
    <row r="221" spans="2:16" s="7" customFormat="1" x14ac:dyDescent="0.15">
      <c r="B221" s="1"/>
      <c r="C221" s="1"/>
      <c r="D221" s="1"/>
      <c r="E221" s="1"/>
      <c r="F221" s="1"/>
      <c r="H221" s="8"/>
      <c r="I221" s="8"/>
      <c r="L221" s="8"/>
      <c r="N221" s="9"/>
      <c r="P221" s="10"/>
    </row>
    <row r="222" spans="2:16" s="7" customFormat="1" x14ac:dyDescent="0.15">
      <c r="B222" s="1"/>
      <c r="C222" s="1"/>
      <c r="D222" s="1"/>
      <c r="E222" s="1"/>
      <c r="F222" s="1"/>
      <c r="H222" s="8"/>
      <c r="I222" s="8"/>
      <c r="L222" s="8"/>
      <c r="N222" s="9"/>
      <c r="P222" s="10"/>
    </row>
    <row r="223" spans="2:16" s="7" customFormat="1" x14ac:dyDescent="0.15">
      <c r="B223" s="1"/>
      <c r="C223" s="1"/>
      <c r="D223" s="1"/>
      <c r="E223" s="1"/>
      <c r="F223" s="1"/>
      <c r="H223" s="8"/>
      <c r="I223" s="8"/>
      <c r="L223" s="8"/>
      <c r="N223" s="9"/>
      <c r="P223" s="10"/>
    </row>
    <row r="224" spans="2:16" s="7" customFormat="1" x14ac:dyDescent="0.15">
      <c r="B224" s="1"/>
      <c r="C224" s="1"/>
      <c r="D224" s="1"/>
      <c r="E224" s="1"/>
      <c r="F224" s="1"/>
      <c r="H224" s="8"/>
      <c r="I224" s="8"/>
      <c r="L224" s="8"/>
      <c r="N224" s="9"/>
      <c r="P224" s="10"/>
    </row>
    <row r="225" spans="2:16" s="7" customFormat="1" x14ac:dyDescent="0.15">
      <c r="B225" s="1"/>
      <c r="C225" s="1"/>
      <c r="D225" s="1"/>
      <c r="E225" s="1"/>
      <c r="F225" s="1"/>
      <c r="H225" s="8"/>
      <c r="I225" s="8"/>
      <c r="L225" s="8"/>
      <c r="N225" s="9"/>
      <c r="P225" s="10"/>
    </row>
    <row r="226" spans="2:16" s="7" customFormat="1" x14ac:dyDescent="0.15">
      <c r="B226" s="1"/>
      <c r="C226" s="1"/>
      <c r="D226" s="1"/>
      <c r="E226" s="1"/>
      <c r="F226" s="1"/>
      <c r="H226" s="8"/>
      <c r="I226" s="8"/>
      <c r="L226" s="8"/>
      <c r="N226" s="9"/>
      <c r="P226" s="10"/>
    </row>
  </sheetData>
  <mergeCells count="9">
    <mergeCell ref="B29:C29"/>
    <mergeCell ref="E2:R2"/>
    <mergeCell ref="B5:B6"/>
    <mergeCell ref="R5:R6"/>
    <mergeCell ref="D5:F5"/>
    <mergeCell ref="J5:O5"/>
    <mergeCell ref="P5:Q5"/>
    <mergeCell ref="C5:C6"/>
    <mergeCell ref="G5:I5"/>
  </mergeCells>
  <phoneticPr fontId="3"/>
  <pageMargins left="0.27559055118110237" right="0.27559055118110237" top="0.39370078740157483" bottom="0.23622047244094491" header="0.19685039370078741" footer="0.19685039370078741"/>
  <pageSetup paperSize="9" fitToHeight="0"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4</vt:lpstr>
      <vt:lpstr>様式4!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15-12-18T07:21:33Z</cp:lastPrinted>
  <dcterms:created xsi:type="dcterms:W3CDTF">2005-03-04T04:15:44Z</dcterms:created>
  <dcterms:modified xsi:type="dcterms:W3CDTF">2023-11-22T01:30:51Z</dcterms:modified>
</cp:coreProperties>
</file>